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5\Lei de Responsabilidade Fiscal\Arquivos para publicação\4º Bimestre 2015 - Republicação\"/>
    </mc:Choice>
  </mc:AlternateContent>
  <bookViews>
    <workbookView xWindow="10980" yWindow="75" windowWidth="9495" windowHeight="7740" tabRatio="777"/>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12 - Saúde (Estados)" sheetId="12" r:id="rId12"/>
    <sheet name="Anexo 13 - Despesas PPP" sheetId="13" r:id="rId13"/>
    <sheet name="Anexo 14 - Simplificado" sheetId="14" r:id="rId14"/>
  </sheets>
  <definedNames>
    <definedName name="_xlnm.Print_Area" localSheetId="0">'Anexo 1 - Balanço Orçamentário'!$A$1:$L$132</definedName>
    <definedName name="_xlnm.Print_Area" localSheetId="1">'Anexo 1.1 Balanço Orç Intra '!$A$1:$L$104</definedName>
    <definedName name="_xlnm.Print_Area" localSheetId="11">'Anexo 12 - Saúde (Estados)'!$A$1:$H$137</definedName>
    <definedName name="_xlnm.Print_Area" localSheetId="12">'Anexo 13 - Despesas PPP'!$A$1:$L$58</definedName>
    <definedName name="_xlnm.Print_Area" localSheetId="13">'Anexo 14 - Simplificado'!$A$1:$E$105</definedName>
    <definedName name="_xlnm.Print_Area" localSheetId="2">'Anexo 2 - Função'!$A$1:$L$191</definedName>
    <definedName name="_xlnm.Print_Area" localSheetId="3">'Anexo 2.1 - Função - Intra'!$A$1:$L$114</definedName>
    <definedName name="_xlnm.Print_Area" localSheetId="4">'Anexo 3 - RCL Estados'!$A$1:$H$84</definedName>
    <definedName name="_xlnm.Print_Area" localSheetId="5">'Anexo 4 - RPPS Financeiro FR 40'!$A$1:$I$136</definedName>
    <definedName name="_xlnm.Print_Area" localSheetId="6">'Anexo 4 - RPPS Previdenciário47'!$A$1:$I$135</definedName>
    <definedName name="_xlnm.Print_Area" localSheetId="7">'Anexo 5 - Resultado Nominal'!$A$1:$G$59</definedName>
    <definedName name="_xlnm.Print_Area" localSheetId="8">'Anexo 6 - Primário Estados'!$A$1:$H$87</definedName>
    <definedName name="_xlnm.Print_Area" localSheetId="9">'Anexo 7 - RP Poder e Órgão'!$A$1:$G$102</definedName>
    <definedName name="_xlnm.Print_Area" localSheetId="10">'Anexo 8 - MDE - Estados'!$A$1:$H$196</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48</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15F968AB_9DD6_4E60_9FDC_FEF44C5FFDCB_.wvu.Cols" localSheetId="8" hidden="1">'Anexo 6 - Primário Estados'!$H:$H</definedName>
    <definedName name="Z_15F968AB_9DD6_4E60_9FDC_FEF44C5FFDCB_.wvu.PrintArea" localSheetId="0" hidden="1">'Anexo 1 - Balanço Orçamentário'!$A$2:$L$133</definedName>
    <definedName name="Z_15F968AB_9DD6_4E60_9FDC_FEF44C5FFDCB_.wvu.PrintArea" localSheetId="11" hidden="1">'Anexo 12 - Saúde (Estados)'!$A$1:$H$127</definedName>
    <definedName name="Z_15F968AB_9DD6_4E60_9FDC_FEF44C5FFDCB_.wvu.PrintArea" localSheetId="12" hidden="1">'Anexo 13 - Despesas PPP'!$A$1:$L$48</definedName>
    <definedName name="Z_15F968AB_9DD6_4E60_9FDC_FEF44C5FFDCB_.wvu.PrintArea" localSheetId="13" hidden="1">'Anexo 14 - Simplificado'!$A$1:$E$91</definedName>
    <definedName name="Z_15F968AB_9DD6_4E60_9FDC_FEF44C5FFDCB_.wvu.PrintArea" localSheetId="2" hidden="1">'Anexo 2 - Função'!$A$1:$L$179</definedName>
    <definedName name="Z_15F968AB_9DD6_4E60_9FDC_FEF44C5FFDCB_.wvu.PrintArea" localSheetId="3" hidden="1">'Anexo 2.1 - Função - Intra'!$A$1:$L$104</definedName>
    <definedName name="Z_15F968AB_9DD6_4E60_9FDC_FEF44C5FFDCB_.wvu.PrintArea" localSheetId="4" hidden="1">'Anexo 3 - RCL Estados'!$A$1:$H$74</definedName>
    <definedName name="Z_15F968AB_9DD6_4E60_9FDC_FEF44C5FFDCB_.wvu.PrintArea" localSheetId="6" hidden="1">'Anexo 4 - RPPS Previdenciário47'!$A$1:$I$136</definedName>
    <definedName name="Z_15F968AB_9DD6_4E60_9FDC_FEF44C5FFDCB_.wvu.PrintArea" localSheetId="7" hidden="1">'Anexo 5 - Resultado Nominal'!$A$1:$G$49</definedName>
    <definedName name="Z_15F968AB_9DD6_4E60_9FDC_FEF44C5FFDCB_.wvu.PrintArea" localSheetId="8" hidden="1">'Anexo 6 - Primário Estados'!$A$1:$H$75</definedName>
    <definedName name="Z_15F968AB_9DD6_4E60_9FDC_FEF44C5FFDCB_.wvu.PrintArea" localSheetId="9" hidden="1">'Anexo 7 - RP Poder e Órgão'!$A$1:$G$89</definedName>
    <definedName name="Z_25EF1E0D_169B_4051_B414_7E1196FC05E4_.wvu.PrintArea" localSheetId="0" hidden="1">'Anexo 1 - Balanço Orçamentário'!$A$1:$L$132</definedName>
    <definedName name="Z_25EF1E0D_169B_4051_B414_7E1196FC05E4_.wvu.PrintArea" localSheetId="1" hidden="1">'Anexo 1.1 Balanço Orç Intra '!$A$1:$L$104</definedName>
    <definedName name="Z_25EF1E0D_169B_4051_B414_7E1196FC05E4_.wvu.PrintArea" localSheetId="11" hidden="1">'Anexo 12 - Saúde (Estados)'!$A$1:$H$137</definedName>
    <definedName name="Z_25EF1E0D_169B_4051_B414_7E1196FC05E4_.wvu.PrintArea" localSheetId="12" hidden="1">'Anexo 13 - Despesas PPP'!$A$1:$L$58</definedName>
    <definedName name="Z_25EF1E0D_169B_4051_B414_7E1196FC05E4_.wvu.PrintArea" localSheetId="13" hidden="1">'Anexo 14 - Simplificado'!$A$1:$E$105</definedName>
    <definedName name="Z_25EF1E0D_169B_4051_B414_7E1196FC05E4_.wvu.PrintArea" localSheetId="2" hidden="1">'Anexo 2 - Função'!$A$1:$L$191</definedName>
    <definedName name="Z_25EF1E0D_169B_4051_B414_7E1196FC05E4_.wvu.PrintArea" localSheetId="3" hidden="1">'Anexo 2.1 - Função - Intra'!$A$1:$L$114</definedName>
    <definedName name="Z_25EF1E0D_169B_4051_B414_7E1196FC05E4_.wvu.PrintArea" localSheetId="4" hidden="1">'Anexo 3 - RCL Estados'!$A$1:$H$84</definedName>
    <definedName name="Z_25EF1E0D_169B_4051_B414_7E1196FC05E4_.wvu.PrintArea" localSheetId="5" hidden="1">'Anexo 4 - RPPS Financeiro FR 40'!$A$1:$I$136</definedName>
    <definedName name="Z_25EF1E0D_169B_4051_B414_7E1196FC05E4_.wvu.PrintArea" localSheetId="6" hidden="1">'Anexo 4 - RPPS Previdenciário47'!$A$1:$I$135</definedName>
    <definedName name="Z_25EF1E0D_169B_4051_B414_7E1196FC05E4_.wvu.PrintArea" localSheetId="7" hidden="1">'Anexo 5 - Resultado Nominal'!$A$1:$G$59</definedName>
    <definedName name="Z_25EF1E0D_169B_4051_B414_7E1196FC05E4_.wvu.PrintArea" localSheetId="8" hidden="1">'Anexo 6 - Primário Estados'!$A$1:$H$87</definedName>
    <definedName name="Z_25EF1E0D_169B_4051_B414_7E1196FC05E4_.wvu.PrintArea" localSheetId="9" hidden="1">'Anexo 7 - RP Poder e Órgão'!$A$1:$G$102</definedName>
    <definedName name="Z_25EF1E0D_169B_4051_B414_7E1196FC05E4_.wvu.PrintArea" localSheetId="10" hidden="1">'Anexo 8 - MDE - Estados'!$A$1:$H$196</definedName>
    <definedName name="Z_3AAF6A5F_F9AA_430B_9AD9_1261ECDF41B5_.wvu.PrintArea" localSheetId="11" hidden="1">'Anexo 12 - Saúde (Estados)'!$A$3:$H$137</definedName>
    <definedName name="Z_6DBFA32C_4AA4_4E1D_9A48_697377C64CC3_.wvu.PrintArea" localSheetId="0" hidden="1">'Anexo 1 - Balanço Orçamentário'!$A$1:$L$132</definedName>
    <definedName name="Z_6DBFA32C_4AA4_4E1D_9A48_697377C64CC3_.wvu.PrintArea" localSheetId="1" hidden="1">'Anexo 1.1 Balanço Orç Intra '!$A$1:$L$104</definedName>
    <definedName name="Z_6DBFA32C_4AA4_4E1D_9A48_697377C64CC3_.wvu.PrintArea" localSheetId="11" hidden="1">'Anexo 12 - Saúde (Estados)'!$A$1:$H$137</definedName>
    <definedName name="Z_6DBFA32C_4AA4_4E1D_9A48_697377C64CC3_.wvu.PrintArea" localSheetId="12" hidden="1">'Anexo 13 - Despesas PPP'!$A$1:$L$58</definedName>
    <definedName name="Z_6DBFA32C_4AA4_4E1D_9A48_697377C64CC3_.wvu.PrintArea" localSheetId="13" hidden="1">'Anexo 14 - Simplificado'!$A$1:$E$105</definedName>
    <definedName name="Z_6DBFA32C_4AA4_4E1D_9A48_697377C64CC3_.wvu.PrintArea" localSheetId="2" hidden="1">'Anexo 2 - Função'!$A$1:$L$191</definedName>
    <definedName name="Z_6DBFA32C_4AA4_4E1D_9A48_697377C64CC3_.wvu.PrintArea" localSheetId="3" hidden="1">'Anexo 2.1 - Função - Intra'!$A$1:$L$114</definedName>
    <definedName name="Z_6DBFA32C_4AA4_4E1D_9A48_697377C64CC3_.wvu.PrintArea" localSheetId="4" hidden="1">'Anexo 3 - RCL Estados'!$A$1:$H$84</definedName>
    <definedName name="Z_6DBFA32C_4AA4_4E1D_9A48_697377C64CC3_.wvu.PrintArea" localSheetId="5" hidden="1">'Anexo 4 - RPPS Financeiro FR 40'!$A$1:$I$136</definedName>
    <definedName name="Z_6DBFA32C_4AA4_4E1D_9A48_697377C64CC3_.wvu.PrintArea" localSheetId="6" hidden="1">'Anexo 4 - RPPS Previdenciário47'!$A$1:$I$135</definedName>
    <definedName name="Z_6DBFA32C_4AA4_4E1D_9A48_697377C64CC3_.wvu.PrintArea" localSheetId="7" hidden="1">'Anexo 5 - Resultado Nominal'!$A$1:$G$59</definedName>
    <definedName name="Z_6DBFA32C_4AA4_4E1D_9A48_697377C64CC3_.wvu.PrintArea" localSheetId="8" hidden="1">'Anexo 6 - Primário Estados'!$A$1:$H$87</definedName>
    <definedName name="Z_6DBFA32C_4AA4_4E1D_9A48_697377C64CC3_.wvu.PrintArea" localSheetId="9" hidden="1">'Anexo 7 - RP Poder e Órgão'!$A$1:$G$102</definedName>
    <definedName name="Z_6DBFA32C_4AA4_4E1D_9A48_697377C64CC3_.wvu.PrintArea" localSheetId="10" hidden="1">'Anexo 8 - MDE - Estados'!$A$1:$H$196</definedName>
    <definedName name="Z_C779D862_DE28_46CD_A428_4AAA1056D1E1_.wvu.PrintArea" localSheetId="0" hidden="1">'Anexo 1 - Balanço Orçamentário'!$A$1:$L$132</definedName>
    <definedName name="Z_C779D862_DE28_46CD_A428_4AAA1056D1E1_.wvu.PrintArea" localSheetId="1" hidden="1">'Anexo 1.1 Balanço Orç Intra '!$A$1:$L$104</definedName>
    <definedName name="Z_C779D862_DE28_46CD_A428_4AAA1056D1E1_.wvu.PrintArea" localSheetId="11" hidden="1">'Anexo 12 - Saúde (Estados)'!$A$1:$H$137</definedName>
    <definedName name="Z_C779D862_DE28_46CD_A428_4AAA1056D1E1_.wvu.PrintArea" localSheetId="12" hidden="1">'Anexo 13 - Despesas PPP'!$A$1:$L$58</definedName>
    <definedName name="Z_C779D862_DE28_46CD_A428_4AAA1056D1E1_.wvu.PrintArea" localSheetId="13" hidden="1">'Anexo 14 - Simplificado'!$A$1:$E$105</definedName>
    <definedName name="Z_C779D862_DE28_46CD_A428_4AAA1056D1E1_.wvu.PrintArea" localSheetId="2" hidden="1">'Anexo 2 - Função'!$A$1:$L$191</definedName>
    <definedName name="Z_C779D862_DE28_46CD_A428_4AAA1056D1E1_.wvu.PrintArea" localSheetId="3" hidden="1">'Anexo 2.1 - Função - Intra'!$A$1:$L$114</definedName>
    <definedName name="Z_C779D862_DE28_46CD_A428_4AAA1056D1E1_.wvu.PrintArea" localSheetId="4" hidden="1">'Anexo 3 - RCL Estados'!$A$1:$H$84</definedName>
    <definedName name="Z_C779D862_DE28_46CD_A428_4AAA1056D1E1_.wvu.PrintArea" localSheetId="5" hidden="1">'Anexo 4 - RPPS Financeiro FR 40'!$A$1:$I$136</definedName>
    <definedName name="Z_C779D862_DE28_46CD_A428_4AAA1056D1E1_.wvu.PrintArea" localSheetId="6" hidden="1">'Anexo 4 - RPPS Previdenciário47'!$A$1:$I$135</definedName>
    <definedName name="Z_C779D862_DE28_46CD_A428_4AAA1056D1E1_.wvu.PrintArea" localSheetId="7" hidden="1">'Anexo 5 - Resultado Nominal'!$A$1:$G$59</definedName>
    <definedName name="Z_C779D862_DE28_46CD_A428_4AAA1056D1E1_.wvu.PrintArea" localSheetId="8" hidden="1">'Anexo 6 - Primário Estados'!$A$1:$H$87</definedName>
    <definedName name="Z_C779D862_DE28_46CD_A428_4AAA1056D1E1_.wvu.PrintArea" localSheetId="9" hidden="1">'Anexo 7 - RP Poder e Órgão'!$A$1:$G$102</definedName>
    <definedName name="Z_C779D862_DE28_46CD_A428_4AAA1056D1E1_.wvu.PrintArea" localSheetId="10" hidden="1">'Anexo 8 - MDE - Estados'!$A$1:$H$196</definedName>
    <definedName name="Z_D5976633_8ECB_4B00_B200_C7467CF5B10F_.wvu.Cols" localSheetId="8" hidden="1">'Anexo 6 - Primário Estados'!$H:$H</definedName>
    <definedName name="Z_D5976633_8ECB_4B00_B200_C7467CF5B10F_.wvu.PrintArea" localSheetId="0" hidden="1">'Anexo 1 - Balanço Orçamentário'!$A$2:$L$133</definedName>
    <definedName name="Z_D5976633_8ECB_4B00_B200_C7467CF5B10F_.wvu.PrintArea" localSheetId="13" hidden="1">'Anexo 14 - Simplificado'!$A$1:$E$91</definedName>
    <definedName name="Z_D5976633_8ECB_4B00_B200_C7467CF5B10F_.wvu.PrintArea" localSheetId="2" hidden="1">'Anexo 2 - Função'!$A$1:$L$168</definedName>
    <definedName name="Z_D5976633_8ECB_4B00_B200_C7467CF5B10F_.wvu.PrintArea" localSheetId="4" hidden="1">'Anexo 3 - RCL Estados'!$A$1:$H$74</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49</definedName>
  </definedNames>
  <calcPr calcId="152511"/>
  <customWorkbookViews>
    <customWorkbookView name="sandrade - Modo de exibição pessoal" guid="{6DBFA32C-4AA4-4E1D-9A48-697377C64CC3}" mergeInterval="0" personalView="1" maximized="1" xWindow="1" yWindow="1" windowWidth="1362" windowHeight="496" tabRatio="889" activeSheetId="8"/>
    <customWorkbookView name="cdainese - Modo de exibição pessoal" guid="{15F968AB-9DD6-4E60-9FDC-FEF44C5FFDCB}" mergeInterval="0" personalView="1" maximized="1" xWindow="1" yWindow="1" windowWidth="1362" windowHeight="538" tabRatio="951" activeSheetId="9"/>
    <customWorkbookView name="natalino gonçalves de almeida - Modo de exibição pessoal" guid="{D5976633-8ECB-4B00-B200-C7467CF5B10F}" mergeInterval="0" personalView="1" maximized="1" windowWidth="1362" windowHeight="543" tabRatio="951" activeSheetId="11"/>
    <customWorkbookView name="vyasunaka - Modo de exibição pessoal" guid="{82EDB5A4-4824-4632-A540-7A52C92F04C7}" mergeInterval="0" personalView="1" maximized="1" xWindow="1" yWindow="1" windowWidth="1362" windowHeight="472" tabRatio="711" activeSheetId="6"/>
    <customWorkbookView name="CLÁUDIO JOSÉ DAINESE - Modo de exibição pessoal" guid="{C779D862-DE28-46CD-A428-4AAA1056D1E1}" mergeInterval="0" personalView="1" maximized="1" xWindow="-8" yWindow="-8" windowWidth="1382" windowHeight="744" tabRatio="865" activeSheetId="1"/>
    <customWorkbookView name="JOSE CARLOS BERNARDI - Modo de exibição pessoal" guid="{25EF1E0D-169B-4051-B414-7E1196FC05E4}" mergeInterval="0" personalView="1" maximized="1" xWindow="1" yWindow="1" windowWidth="1362" windowHeight="496" tabRatio="655" activeSheetId="10"/>
    <customWorkbookView name="rooliveira - Modo de exibição pessoal" guid="{3AAF6A5F-F9AA-430B-9AD9-1261ECDF41B5}" mergeInterval="0" personalView="1" maximized="1" xWindow="1" yWindow="1" windowWidth="1362" windowHeight="496" tabRatio="711" activeSheetId="14"/>
  </customWorkbookViews>
  <fileRecoveryPr autoRecover="0"/>
</workbook>
</file>

<file path=xl/sharedStrings.xml><?xml version="1.0" encoding="utf-8"?>
<sst xmlns="http://schemas.openxmlformats.org/spreadsheetml/2006/main" count="1711" uniqueCount="886">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Resultado Apurad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Saldo Final (Não Aplicado)</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Compensações Financeiras Provenientes de Impostos e Transferências Constitucionais</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t>FUNÇÃO/SUBFUNÇÃO INTRA-ORÇAMENTÁRIA</t>
  </si>
  <si>
    <t>RREO - Anexo 2.1 (LRF, Art. 52, inciso II, alínea "c")</t>
  </si>
  <si>
    <t>TOTAL INTRA-ORÇAMENTÁRIA</t>
  </si>
  <si>
    <t xml:space="preserve">           Transferências a Municípios</t>
  </si>
  <si>
    <t xml:space="preserve">           Demais Despesas Correntes</t>
  </si>
  <si>
    <t>NOV/2014</t>
  </si>
  <si>
    <t>DEZ/2014</t>
  </si>
  <si>
    <t>JAN/2015</t>
  </si>
  <si>
    <t>FEV/2015</t>
  </si>
  <si>
    <t>PLANO PREVIDENCIÁRIO - ORÇAMENTO DA SEGURIDADE SOCIAL</t>
  </si>
  <si>
    <t xml:space="preserve"> Em 2015</t>
  </si>
  <si>
    <t>Em 2014</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Em 31/Dez/2014</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Inscritos em 2014</t>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CANCELADO EM 2015 (j)</t>
  </si>
  <si>
    <t>52- SALDO FINANCEIRO EM 31 DE DEZEMBRO DE 2014</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GISTROS EFETUADOS EM 2015</t>
  </si>
  <si>
    <t>RECEITA RESULTANTE DE IMPOSTOS</t>
  </si>
  <si>
    <t>(caput do art. 212 da Constituição)</t>
  </si>
  <si>
    <t>RECEITAS ADICIONAIS PARA FINANCIAMENTO DO ENSINO</t>
  </si>
  <si>
    <t xml:space="preserve">   Promoção Comercial</t>
  </si>
  <si>
    <t>MAR/2015</t>
  </si>
  <si>
    <t>ABR/2015</t>
  </si>
  <si>
    <t>FONTE: SPF - Sistema de Planejamento e Finanças do Estado de MS.</t>
  </si>
  <si>
    <t>RREO - Anexo 1.1 (LRF, Art. 52, inciso I, alíneas "a" e "b" do inciso II e §1º)</t>
  </si>
  <si>
    <t>RECEITAS (INTRA-ORÇAMENTÁRIAS) (I)</t>
  </si>
  <si>
    <t>DESPESAS (INTRA-ORÇAMENTÁRIAS) (VIII)</t>
  </si>
  <si>
    <t>RECEITAS ORÇAMENTÁRIAS</t>
  </si>
  <si>
    <t>DESPESAS ORÇAMENTÁRIAS</t>
  </si>
  <si>
    <t xml:space="preserve">    Alienação de Bens (V)</t>
  </si>
  <si>
    <t>MAI/2015</t>
  </si>
  <si>
    <t>JUN/2015</t>
  </si>
  <si>
    <t xml:space="preserve">       Transferências Constitucionais e Legais</t>
  </si>
  <si>
    <t xml:space="preserve">       Demais Despesas Correntes</t>
  </si>
  <si>
    <t>SET/2014</t>
  </si>
  <si>
    <t>OUT/2014</t>
  </si>
  <si>
    <t>FONTE: SPF - Sistema de Planejamento e finanças do Estado de MS e RREO Outros Poderes  -  AGE - Auditoria-Geral do Estado</t>
  </si>
  <si>
    <t>INSCRITAS EM RESTOS A PAGAR NÃO PROCESSADOS (f)</t>
  </si>
  <si>
    <t xml:space="preserve">   Direitos Inddividuais, Coletivos e Difusos</t>
  </si>
  <si>
    <t xml:space="preserve">HABITAÇÃO   </t>
  </si>
  <si>
    <t>JANEIRO A AGOSTO DE 2015 - BIMESTRE JULHO-AGOSTO</t>
  </si>
  <si>
    <t>SETEMBRO 2014 A AGOSTO 2015</t>
  </si>
  <si>
    <t>JUL/2015</t>
  </si>
  <si>
    <t>AGO/2015</t>
  </si>
  <si>
    <t xml:space="preserve">           Integralização do Capital Social</t>
  </si>
  <si>
    <t>Em 30/Jun/2015</t>
  </si>
  <si>
    <t>Em 31/Ago/2015</t>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43" formatCode="_-* #,##0.00_-;\-* #,##0.00_-;_-* &quot;-&quot;??_-;_-@_-"/>
    <numFmt numFmtId="164" formatCode="&quot;R$ &quot;#,##0.00_);[Red]\(&quot;R$ &quot;#,##0.00\)"/>
    <numFmt numFmtId="165" formatCode="_(* #,##0.00_);_(* \(#,##0.00\);_(* &quot;-&quot;??_);_(@_)"/>
    <numFmt numFmtId="166" formatCode="#,##0.0_);\(#,##0.0\)"/>
    <numFmt numFmtId="167" formatCode="&quot;R$&quot;\ #,##0.00"/>
  </numFmts>
  <fonts count="24"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11"/>
      <color rgb="FFFF0000"/>
      <name val="Verdana"/>
      <family val="2"/>
    </font>
    <font>
      <sz val="10"/>
      <name val="Arial"/>
      <family val="2"/>
    </font>
    <font>
      <sz val="8"/>
      <name val="Verdana"/>
      <family val="2"/>
    </font>
    <font>
      <sz val="8"/>
      <name val="Verdana"/>
      <family val="2"/>
    </font>
    <font>
      <b/>
      <sz val="8"/>
      <name val="Verdana"/>
      <family val="2"/>
    </font>
    <font>
      <sz val="8"/>
      <name val="Verdana"/>
      <family val="2"/>
    </font>
    <font>
      <sz val="8"/>
      <name val="Verdana"/>
      <family val="2"/>
    </font>
    <font>
      <b/>
      <sz val="8"/>
      <name val="Verdana"/>
      <family val="2"/>
    </font>
    <font>
      <sz val="8"/>
      <color theme="1"/>
      <name val="Verdana"/>
      <family val="2"/>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s>
  <borders count="16">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6" fillId="0" borderId="0" applyFont="0" applyFill="0" applyBorder="0" applyAlignment="0" applyProtection="0"/>
  </cellStyleXfs>
  <cellXfs count="1016">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4" fillId="3" borderId="0" xfId="1" applyFont="1" applyFill="1" applyBorder="1" applyAlignment="1">
      <alignment horizontal="left"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49" fontId="5" fillId="2" borderId="12" xfId="0" applyNumberFormat="1" applyFont="1" applyFill="1" applyBorder="1" applyAlignment="1">
      <alignment vertical="center"/>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3" xfId="0" applyFont="1" applyFill="1" applyBorder="1" applyAlignment="1">
      <alignment vertical="center"/>
    </xf>
    <xf numFmtId="0" fontId="4" fillId="0" borderId="2" xfId="0" applyFont="1" applyFill="1" applyBorder="1" applyAlignment="1">
      <alignment horizontal="center" vertical="center"/>
    </xf>
    <xf numFmtId="0" fontId="4" fillId="0" borderId="2"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4" fillId="2" borderId="7"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49" fontId="5" fillId="2" borderId="6" xfId="0" applyNumberFormat="1" applyFont="1" applyFill="1" applyBorder="1" applyAlignment="1">
      <alignment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0" borderId="7" xfId="1" applyFont="1" applyBorder="1" applyAlignment="1">
      <alignment vertical="center"/>
    </xf>
    <xf numFmtId="0" fontId="11" fillId="0" borderId="0" xfId="1" applyFont="1" applyFill="1" applyBorder="1" applyAlignment="1">
      <alignment vertical="center"/>
    </xf>
    <xf numFmtId="0" fontId="11" fillId="0" borderId="0" xfId="1" applyFont="1" applyFill="1" applyAlignment="1">
      <alignment vertical="center"/>
    </xf>
    <xf numFmtId="0" fontId="11"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3"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49" fontId="5" fillId="0" borderId="0" xfId="0" applyNumberFormat="1"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4"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13" xfId="1" applyFont="1" applyFill="1" applyBorder="1" applyAlignment="1">
      <alignment horizontal="center" vertical="center"/>
    </xf>
    <xf numFmtId="0" fontId="5" fillId="2" borderId="13" xfId="1" applyFont="1" applyFill="1" applyBorder="1" applyAlignment="1">
      <alignment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4" fontId="4" fillId="0" borderId="0" xfId="0" applyNumberFormat="1" applyFont="1" applyFill="1" applyAlignment="1">
      <alignment horizontal="right" vertical="center"/>
    </xf>
    <xf numFmtId="164" fontId="4" fillId="0" borderId="7" xfId="0" applyNumberFormat="1" applyFont="1" applyFill="1" applyBorder="1" applyAlignment="1">
      <alignment horizontal="righ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4" xfId="1" applyFont="1" applyFill="1" applyBorder="1" applyAlignment="1">
      <alignment vertical="center"/>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6" xfId="1" applyFont="1" applyFill="1" applyBorder="1" applyAlignment="1">
      <alignment horizontal="left" vertical="center" wrapText="1"/>
    </xf>
    <xf numFmtId="0" fontId="5" fillId="0" borderId="3" xfId="1" applyFont="1" applyFill="1" applyBorder="1" applyAlignment="1">
      <alignment horizontal="left" vertical="center" wrapText="1"/>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4" xfId="1" applyFont="1" applyFill="1" applyBorder="1" applyAlignment="1">
      <alignment horizontal="left" vertical="center" wrapText="1"/>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1"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5" fillId="2" borderId="7" xfId="1" applyFont="1" applyFill="1" applyBorder="1" applyAlignment="1">
      <alignment horizontal="center" vertical="center" wrapText="1"/>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0" fontId="5" fillId="0" borderId="5" xfId="0" applyFont="1" applyFill="1" applyBorder="1" applyAlignment="1">
      <alignment vertical="center"/>
    </xf>
    <xf numFmtId="0" fontId="8" fillId="2" borderId="9" xfId="0" applyFont="1" applyFill="1" applyBorder="1" applyAlignment="1">
      <alignment vertical="center"/>
    </xf>
    <xf numFmtId="0" fontId="5" fillId="0" borderId="9" xfId="0" applyFont="1" applyFill="1" applyBorder="1" applyAlignment="1">
      <alignment vertical="center" wrapText="1"/>
    </xf>
    <xf numFmtId="49" fontId="5" fillId="0" borderId="0" xfId="0" applyNumberFormat="1" applyFont="1" applyFill="1" applyAlignment="1">
      <alignment vertical="center"/>
    </xf>
    <xf numFmtId="0" fontId="4" fillId="0" borderId="11" xfId="0" applyFont="1" applyFill="1" applyBorder="1" applyAlignment="1">
      <alignment horizontal="center" vertical="center"/>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4" fillId="0" borderId="0" xfId="5" applyFont="1" applyFill="1" applyAlignment="1">
      <alignment vertical="center"/>
    </xf>
    <xf numFmtId="43" fontId="4" fillId="0" borderId="0" xfId="5" applyFont="1" applyFill="1" applyBorder="1" applyAlignment="1">
      <alignment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8" xfId="5" applyFont="1" applyFill="1" applyBorder="1" applyAlignment="1">
      <alignment horizontal="center" vertical="center"/>
    </xf>
    <xf numFmtId="43" fontId="5" fillId="2" borderId="15"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165" fontId="4" fillId="0" borderId="2" xfId="0" applyNumberFormat="1" applyFont="1" applyFill="1" applyBorder="1" applyAlignment="1">
      <alignment horizontal="center" vertical="center" wrapText="1"/>
    </xf>
    <xf numFmtId="43" fontId="4" fillId="0" borderId="0" xfId="1" applyNumberFormat="1" applyFont="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4" fillId="0" borderId="2" xfId="5" applyFont="1" applyFill="1" applyBorder="1" applyAlignment="1">
      <alignment horizontal="center" vertical="center"/>
    </xf>
    <xf numFmtId="0" fontId="15"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0" fontId="17" fillId="0" borderId="3" xfId="0" applyFont="1" applyFill="1" applyBorder="1" applyAlignment="1">
      <alignment horizontal="left" vertical="center"/>
    </xf>
    <xf numFmtId="0" fontId="17" fillId="0" borderId="0" xfId="0" applyFont="1" applyFill="1" applyAlignment="1">
      <alignment vertical="center"/>
    </xf>
    <xf numFmtId="165" fontId="0" fillId="0" borderId="0" xfId="0" applyNumberFormat="1" applyAlignment="1">
      <alignment horizontal="center" wrapText="1"/>
    </xf>
    <xf numFmtId="43" fontId="17" fillId="0" borderId="0" xfId="0" applyNumberFormat="1" applyFont="1" applyFill="1" applyAlignment="1">
      <alignment vertical="center"/>
    </xf>
    <xf numFmtId="43" fontId="4" fillId="0" borderId="0" xfId="1" applyNumberFormat="1" applyFont="1" applyFill="1" applyBorder="1" applyAlignment="1">
      <alignment vertical="center"/>
    </xf>
    <xf numFmtId="0" fontId="4" fillId="0" borderId="0" xfId="0" applyFont="1" applyBorder="1"/>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165" fontId="4" fillId="0" borderId="14" xfId="0" applyNumberFormat="1" applyFont="1" applyFill="1" applyBorder="1" applyAlignment="1">
      <alignment vertical="center"/>
    </xf>
    <xf numFmtId="165" fontId="4" fillId="0" borderId="12" xfId="0" applyNumberFormat="1" applyFont="1" applyFill="1" applyBorder="1" applyAlignment="1">
      <alignment vertical="center"/>
    </xf>
    <xf numFmtId="165" fontId="5" fillId="0" borderId="15" xfId="0" applyNumberFormat="1" applyFont="1" applyFill="1" applyBorder="1" applyAlignment="1">
      <alignment horizontal="center"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0" xfId="0" applyFont="1" applyFill="1" applyBorder="1" applyAlignment="1">
      <alignmen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2"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4" fillId="0" borderId="0" xfId="0" applyFont="1" applyFill="1" applyBorder="1" applyAlignment="1">
      <alignment horizontal="center" vertical="center"/>
    </xf>
    <xf numFmtId="0" fontId="5" fillId="0" borderId="0" xfId="0" applyFont="1" applyFill="1" applyBorder="1" applyAlignment="1">
      <alignment horizontal="center" vertical="center"/>
    </xf>
    <xf numFmtId="49" fontId="5" fillId="2" borderId="15" xfId="0" applyNumberFormat="1" applyFont="1" applyFill="1" applyBorder="1" applyAlignment="1">
      <alignment horizontal="center" vertical="center"/>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0" fontId="17" fillId="0" borderId="0" xfId="0" applyFont="1" applyFill="1" applyBorder="1" applyAlignment="1">
      <alignmen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0" fontId="5" fillId="2" borderId="1" xfId="1" applyFont="1" applyFill="1" applyBorder="1" applyAlignment="1">
      <alignment horizontal="center" vertical="top"/>
    </xf>
    <xf numFmtId="0" fontId="4" fillId="0" borderId="0" xfId="1" applyFont="1" applyBorder="1" applyAlignment="1">
      <alignment vertical="center" wrapText="1"/>
    </xf>
    <xf numFmtId="0" fontId="4" fillId="0" borderId="0" xfId="1" applyNumberFormat="1" applyFont="1" applyFill="1" applyBorder="1" applyAlignment="1">
      <alignment horizontal="center" vertical="center" wrapText="1"/>
    </xf>
    <xf numFmtId="0" fontId="4" fillId="0" borderId="3" xfId="0" applyFont="1" applyFill="1" applyBorder="1" applyAlignment="1">
      <alignment horizontal="left" vertical="center"/>
    </xf>
    <xf numFmtId="0" fontId="18" fillId="0" borderId="3" xfId="0" applyFont="1" applyBorder="1" applyAlignment="1">
      <alignment horizontal="left" vertical="center"/>
    </xf>
    <xf numFmtId="43" fontId="4" fillId="0" borderId="0" xfId="1" applyNumberFormat="1" applyFont="1" applyFill="1" applyAlignment="1">
      <alignment horizontal="right" vertical="center"/>
    </xf>
    <xf numFmtId="43" fontId="4" fillId="0" borderId="0" xfId="0" applyNumberFormat="1" applyFont="1" applyFill="1" applyAlignment="1">
      <alignment horizontal="center" vertical="center"/>
    </xf>
    <xf numFmtId="43" fontId="4" fillId="0" borderId="0" xfId="5"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0" fontId="5" fillId="2" borderId="3" xfId="0" applyFont="1" applyFill="1" applyBorder="1" applyAlignment="1">
      <alignment horizontal="center" vertical="center"/>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11" xfId="5" applyNumberFormat="1" applyFont="1" applyFill="1" applyBorder="1" applyAlignment="1">
      <alignment vertical="center"/>
    </xf>
    <xf numFmtId="165" fontId="4" fillId="0" borderId="6" xfId="5" applyNumberFormat="1" applyFont="1" applyFill="1" applyBorder="1" applyAlignment="1">
      <alignment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0" fontId="5" fillId="0" borderId="12" xfId="1" applyFont="1" applyBorder="1" applyAlignment="1">
      <alignment horizontal="left" vertical="center" wrapText="1"/>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43" fontId="4" fillId="0" borderId="0" xfId="5" applyFont="1" applyFill="1" applyBorder="1" applyAlignment="1">
      <alignment horizontal="center" vertical="center"/>
    </xf>
    <xf numFmtId="0" fontId="4" fillId="0" borderId="0" xfId="0" applyFont="1" applyFill="1" applyBorder="1" applyAlignment="1">
      <alignment horizontal="center" vertical="center"/>
    </xf>
    <xf numFmtId="43" fontId="4" fillId="0" borderId="0" xfId="0" applyNumberFormat="1" applyFont="1" applyFill="1" applyBorder="1" applyAlignment="1">
      <alignment horizontal="center" vertical="center"/>
    </xf>
    <xf numFmtId="43" fontId="4" fillId="0" borderId="0" xfId="0" applyNumberFormat="1" applyFont="1" applyFill="1" applyAlignment="1">
      <alignmen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43" fontId="4" fillId="0" borderId="4" xfId="1" applyNumberFormat="1" applyFont="1" applyFill="1" applyBorder="1" applyAlignment="1">
      <alignment vertical="center"/>
    </xf>
    <xf numFmtId="43" fontId="4" fillId="0" borderId="7" xfId="1" applyNumberFormat="1" applyFont="1" applyFill="1" applyBorder="1" applyAlignment="1">
      <alignment vertical="center"/>
    </xf>
    <xf numFmtId="165" fontId="4" fillId="0" borderId="13" xfId="0" applyNumberFormat="1" applyFont="1" applyFill="1" applyBorder="1" applyAlignment="1">
      <alignment vertical="center"/>
    </xf>
    <xf numFmtId="43" fontId="4" fillId="0" borderId="0" xfId="5" applyFont="1" applyFill="1" applyBorder="1" applyAlignment="1">
      <alignment horizontal="center" vertical="center"/>
    </xf>
    <xf numFmtId="49" fontId="5" fillId="0" borderId="0" xfId="0" applyNumberFormat="1" applyFont="1" applyFill="1" applyAlignment="1">
      <alignment horizontal="center" vertical="center"/>
    </xf>
    <xf numFmtId="43" fontId="5" fillId="2" borderId="11" xfId="5" applyFont="1" applyFill="1" applyBorder="1" applyAlignment="1">
      <alignment horizontal="center" vertical="center"/>
    </xf>
    <xf numFmtId="43" fontId="5" fillId="2" borderId="1" xfId="5" applyFont="1" applyFill="1" applyBorder="1" applyAlignment="1">
      <alignment horizontal="center" vertical="center"/>
    </xf>
    <xf numFmtId="0" fontId="4" fillId="0" borderId="4" xfId="0" applyFont="1" applyFill="1" applyBorder="1" applyAlignment="1">
      <alignment horizontal="left" vertical="center" wrapText="1"/>
    </xf>
    <xf numFmtId="43" fontId="4" fillId="0" borderId="0" xfId="5" applyFont="1" applyFill="1" applyBorder="1" applyAlignment="1">
      <alignment horizontal="right" vertical="center"/>
    </xf>
    <xf numFmtId="165" fontId="5" fillId="0" borderId="11" xfId="5" applyNumberFormat="1" applyFont="1" applyFill="1" applyBorder="1" applyAlignment="1">
      <alignment vertical="center"/>
    </xf>
    <xf numFmtId="165" fontId="4" fillId="0" borderId="8" xfId="5" applyNumberFormat="1" applyFont="1" applyFill="1" applyBorder="1" applyAlignment="1">
      <alignment horizontal="center" vertical="center" wrapText="1"/>
    </xf>
    <xf numFmtId="165" fontId="4" fillId="3" borderId="8" xfId="5" applyNumberFormat="1" applyFont="1" applyFill="1" applyBorder="1" applyAlignment="1">
      <alignment horizontal="center" vertical="center" wrapText="1"/>
    </xf>
    <xf numFmtId="165" fontId="4" fillId="0" borderId="8" xfId="3" applyNumberFormat="1" applyFont="1" applyFill="1" applyBorder="1" applyAlignment="1">
      <alignment vertical="center"/>
    </xf>
    <xf numFmtId="165" fontId="5" fillId="0" borderId="11" xfId="5" applyNumberFormat="1" applyFont="1" applyFill="1" applyBorder="1" applyAlignment="1">
      <alignment horizontal="center" vertical="center" wrapText="1"/>
    </xf>
    <xf numFmtId="165" fontId="4" fillId="0" borderId="8" xfId="3" applyNumberFormat="1" applyFont="1" applyFill="1" applyBorder="1" applyAlignment="1">
      <alignment horizontal="center" vertical="center" wrapText="1"/>
    </xf>
    <xf numFmtId="165" fontId="5" fillId="0" borderId="8" xfId="5" applyNumberFormat="1" applyFont="1" applyFill="1" applyBorder="1" applyAlignment="1">
      <alignment horizontal="center" vertical="center" wrapText="1"/>
    </xf>
    <xf numFmtId="0" fontId="4" fillId="0" borderId="0" xfId="0" applyNumberFormat="1" applyFont="1" applyFill="1" applyBorder="1" applyAlignment="1">
      <alignment horizontal="center" vertical="center"/>
    </xf>
    <xf numFmtId="0" fontId="4" fillId="0" borderId="3" xfId="0" applyFont="1" applyFill="1" applyBorder="1" applyAlignment="1">
      <alignment horizontal="left" vertical="center"/>
    </xf>
    <xf numFmtId="165" fontId="4" fillId="0" borderId="2" xfId="3" applyNumberFormat="1" applyFont="1" applyFill="1" applyBorder="1" applyAlignment="1">
      <alignment horizontal="center" vertical="center"/>
    </xf>
    <xf numFmtId="165" fontId="4" fillId="0" borderId="2" xfId="0" applyNumberFormat="1" applyFont="1" applyFill="1" applyBorder="1" applyAlignment="1">
      <alignment vertical="center"/>
    </xf>
    <xf numFmtId="0" fontId="23" fillId="3" borderId="4" xfId="1" applyFont="1" applyFill="1" applyBorder="1" applyAlignment="1">
      <alignment horizontal="left" vertical="center" wrapText="1"/>
    </xf>
    <xf numFmtId="165" fontId="4" fillId="0" borderId="2" xfId="5" applyNumberFormat="1" applyFont="1" applyFill="1" applyBorder="1" applyAlignment="1">
      <alignment horizontal="left" vertical="center"/>
    </xf>
    <xf numFmtId="43" fontId="5" fillId="0" borderId="0" xfId="0" applyNumberFormat="1" applyFont="1" applyFill="1" applyAlignment="1">
      <alignment horizontal="center" vertical="center"/>
    </xf>
    <xf numFmtId="43" fontId="5" fillId="0" borderId="0" xfId="5" applyFont="1" applyFill="1" applyAlignment="1">
      <alignment horizontal="center" vertical="center"/>
    </xf>
    <xf numFmtId="165" fontId="4" fillId="0" borderId="2" xfId="5" applyNumberFormat="1" applyFont="1" applyFill="1" applyBorder="1" applyAlignment="1">
      <alignment horizontal="right" vertical="center"/>
    </xf>
    <xf numFmtId="0" fontId="4" fillId="0" borderId="3" xfId="1" applyFont="1" applyBorder="1" applyAlignment="1">
      <alignment horizontal="left" vertical="center" wrapText="1"/>
    </xf>
    <xf numFmtId="43" fontId="5" fillId="2" borderId="10" xfId="5" applyFont="1" applyFill="1" applyBorder="1" applyAlignment="1">
      <alignment horizontal="center" vertical="center"/>
    </xf>
    <xf numFmtId="43" fontId="5" fillId="2" borderId="1" xfId="5" applyFont="1" applyFill="1" applyBorder="1" applyAlignment="1">
      <alignment horizontal="center" vertical="center"/>
    </xf>
    <xf numFmtId="49" fontId="5" fillId="2" borderId="10" xfId="0" applyNumberFormat="1" applyFont="1" applyFill="1" applyBorder="1" applyAlignment="1">
      <alignment horizontal="center" vertical="center"/>
    </xf>
    <xf numFmtId="165" fontId="5" fillId="0" borderId="14" xfId="5" applyNumberFormat="1" applyFont="1" applyFill="1" applyBorder="1" applyAlignment="1">
      <alignment horizontal="right" vertical="center" wrapText="1"/>
    </xf>
    <xf numFmtId="165" fontId="5" fillId="0" borderId="4" xfId="0" applyNumberFormat="1" applyFont="1" applyFill="1" applyBorder="1" applyAlignment="1">
      <alignment horizontal="center" vertical="center"/>
    </xf>
    <xf numFmtId="165" fontId="20" fillId="0" borderId="2" xfId="5" applyNumberFormat="1" applyFont="1" applyFill="1" applyBorder="1" applyAlignment="1">
      <alignment horizontal="right" vertical="center"/>
    </xf>
    <xf numFmtId="165" fontId="4" fillId="0" borderId="2" xfId="5" quotePrefix="1" applyNumberFormat="1" applyFont="1" applyFill="1" applyBorder="1" applyAlignment="1">
      <alignment horizontal="right" vertical="center"/>
    </xf>
    <xf numFmtId="165" fontId="19" fillId="0" borderId="8" xfId="5" applyNumberFormat="1" applyFont="1" applyFill="1" applyBorder="1" applyAlignment="1">
      <alignment horizontal="right" vertical="center"/>
    </xf>
    <xf numFmtId="165" fontId="5" fillId="0" borderId="2" xfId="5" applyNumberFormat="1" applyFont="1" applyFill="1" applyBorder="1" applyAlignment="1">
      <alignment horizontal="right" vertical="center" wrapText="1"/>
    </xf>
    <xf numFmtId="165" fontId="5" fillId="0" borderId="7" xfId="0" applyNumberFormat="1" applyFont="1" applyFill="1" applyBorder="1" applyAlignment="1">
      <alignment horizontal="center" vertical="center"/>
    </xf>
    <xf numFmtId="165" fontId="4" fillId="0" borderId="5" xfId="0" applyNumberFormat="1" applyFont="1" applyFill="1" applyBorder="1" applyAlignment="1">
      <alignment vertical="center"/>
    </xf>
    <xf numFmtId="165" fontId="4" fillId="0" borderId="0" xfId="0" applyNumberFormat="1" applyFont="1" applyFill="1" applyAlignment="1">
      <alignment horizontal="center" vertical="center"/>
    </xf>
    <xf numFmtId="165" fontId="4" fillId="0" borderId="5" xfId="0" applyNumberFormat="1" applyFont="1" applyFill="1" applyBorder="1" applyAlignment="1">
      <alignment horizontal="center" vertical="center"/>
    </xf>
    <xf numFmtId="0" fontId="4" fillId="0" borderId="3" xfId="0" applyFont="1" applyFill="1" applyBorder="1" applyAlignment="1">
      <alignment horizontal="left" vertical="center"/>
    </xf>
    <xf numFmtId="43" fontId="4" fillId="0" borderId="0" xfId="1" applyNumberFormat="1" applyFont="1" applyAlignment="1">
      <alignment vertical="center"/>
    </xf>
    <xf numFmtId="165" fontId="5" fillId="0" borderId="10" xfId="2" applyNumberFormat="1" applyFont="1" applyFill="1" applyBorder="1" applyAlignment="1">
      <alignment vertical="center"/>
    </xf>
    <xf numFmtId="165" fontId="5" fillId="0" borderId="6" xfId="5" applyNumberFormat="1" applyFont="1" applyFill="1" applyBorder="1" applyAlignment="1">
      <alignment horizontal="left" vertical="center" wrapText="1"/>
    </xf>
    <xf numFmtId="165" fontId="5" fillId="0" borderId="14" xfId="5" applyNumberFormat="1" applyFont="1" applyFill="1" applyBorder="1" applyAlignment="1">
      <alignment horizontal="left" vertical="center" wrapText="1"/>
    </xf>
    <xf numFmtId="165" fontId="5" fillId="0" borderId="3" xfId="5" applyNumberFormat="1" applyFont="1" applyFill="1" applyBorder="1" applyAlignment="1">
      <alignment horizontal="right" vertical="center" wrapText="1"/>
    </xf>
    <xf numFmtId="165" fontId="5" fillId="0" borderId="6" xfId="5" applyNumberFormat="1" applyFont="1" applyFill="1" applyBorder="1" applyAlignment="1">
      <alignment horizontal="right" vertical="center" wrapText="1"/>
    </xf>
    <xf numFmtId="165" fontId="5" fillId="0" borderId="11" xfId="5" applyNumberFormat="1" applyFont="1" applyFill="1" applyBorder="1" applyAlignment="1">
      <alignment horizontal="left" vertical="center" wrapText="1"/>
    </xf>
    <xf numFmtId="165" fontId="4" fillId="0" borderId="3" xfId="1" applyNumberFormat="1" applyFont="1" applyFill="1" applyBorder="1" applyAlignment="1">
      <alignment horizontal="left" vertical="center" wrapText="1"/>
    </xf>
    <xf numFmtId="165" fontId="4" fillId="0" borderId="2" xfId="5" applyNumberFormat="1" applyFont="1" applyFill="1" applyBorder="1" applyAlignment="1">
      <alignment horizontal="left" vertical="center" wrapText="1"/>
    </xf>
    <xf numFmtId="165" fontId="5" fillId="0" borderId="8" xfId="5" applyNumberFormat="1" applyFont="1" applyFill="1" applyBorder="1" applyAlignment="1">
      <alignment horizontal="left" vertical="center" wrapText="1"/>
    </xf>
    <xf numFmtId="165" fontId="5" fillId="0" borderId="3" xfId="5" applyNumberFormat="1" applyFont="1" applyFill="1" applyBorder="1" applyAlignment="1">
      <alignment horizontal="left" vertical="center" wrapText="1"/>
    </xf>
    <xf numFmtId="165" fontId="5" fillId="0" borderId="2" xfId="5" applyNumberFormat="1" applyFont="1" applyFill="1" applyBorder="1" applyAlignment="1">
      <alignment horizontal="left" vertical="center" wrapText="1"/>
    </xf>
    <xf numFmtId="165" fontId="4" fillId="0" borderId="12" xfId="1" applyNumberFormat="1" applyFont="1" applyFill="1" applyBorder="1" applyAlignment="1">
      <alignment horizontal="left" vertical="center" wrapText="1"/>
    </xf>
    <xf numFmtId="165" fontId="5" fillId="0" borderId="13" xfId="5" applyNumberFormat="1" applyFont="1" applyFill="1" applyBorder="1" applyAlignment="1">
      <alignment horizontal="left" vertical="center" wrapText="1"/>
    </xf>
    <xf numFmtId="165" fontId="4" fillId="0" borderId="13" xfId="5" applyNumberFormat="1" applyFont="1" applyFill="1" applyBorder="1" applyAlignment="1">
      <alignment horizontal="right" vertical="center" wrapText="1"/>
    </xf>
    <xf numFmtId="165" fontId="4" fillId="0" borderId="12" xfId="5" applyNumberFormat="1" applyFont="1" applyFill="1" applyBorder="1" applyAlignment="1">
      <alignment horizontal="right" vertical="center" wrapText="1"/>
    </xf>
    <xf numFmtId="165" fontId="5" fillId="0" borderId="1" xfId="5" applyNumberFormat="1" applyFont="1" applyFill="1" applyBorder="1" applyAlignment="1">
      <alignment horizontal="left" vertical="center" wrapText="1"/>
    </xf>
    <xf numFmtId="165" fontId="5" fillId="2" borderId="12" xfId="1" applyNumberFormat="1" applyFont="1" applyFill="1" applyBorder="1" applyAlignment="1">
      <alignment horizontal="left" vertical="center" wrapText="1"/>
    </xf>
    <xf numFmtId="165" fontId="5" fillId="2" borderId="12" xfId="5" applyNumberFormat="1" applyFont="1" applyFill="1" applyBorder="1" applyAlignment="1">
      <alignment horizontal="right" vertical="center" wrapText="1"/>
    </xf>
    <xf numFmtId="165" fontId="5" fillId="2" borderId="1" xfId="5" applyNumberFormat="1" applyFont="1" applyFill="1" applyBorder="1" applyAlignment="1">
      <alignment horizontal="right" vertical="center" wrapText="1"/>
    </xf>
    <xf numFmtId="165" fontId="5" fillId="2" borderId="1" xfId="1" applyNumberFormat="1" applyFont="1" applyFill="1" applyBorder="1" applyAlignment="1">
      <alignment horizontal="left" vertical="center" wrapText="1"/>
    </xf>
    <xf numFmtId="165" fontId="5" fillId="0" borderId="0" xfId="5" applyNumberFormat="1" applyFont="1" applyFill="1" applyBorder="1" applyAlignment="1">
      <alignment vertical="center"/>
    </xf>
    <xf numFmtId="165" fontId="4" fillId="0" borderId="11" xfId="1" applyNumberFormat="1" applyFont="1" applyFill="1" applyBorder="1" applyAlignment="1">
      <alignment vertical="center"/>
    </xf>
    <xf numFmtId="165" fontId="4" fillId="0" borderId="8" xfId="1" applyNumberFormat="1" applyFont="1" applyFill="1" applyBorder="1" applyAlignment="1">
      <alignment vertical="center"/>
    </xf>
    <xf numFmtId="165" fontId="5" fillId="0" borderId="8" xfId="1" applyNumberFormat="1" applyFont="1" applyFill="1" applyBorder="1" applyAlignment="1">
      <alignment vertical="center"/>
    </xf>
    <xf numFmtId="165" fontId="5" fillId="0" borderId="11" xfId="1" applyNumberFormat="1" applyFont="1" applyFill="1" applyBorder="1" applyAlignment="1">
      <alignment vertical="center"/>
    </xf>
    <xf numFmtId="165" fontId="4" fillId="0" borderId="1" xfId="1" applyNumberFormat="1" applyFont="1" applyFill="1" applyBorder="1" applyAlignment="1">
      <alignment vertical="center"/>
    </xf>
    <xf numFmtId="165" fontId="5" fillId="0" borderId="14" xfId="5" applyNumberFormat="1" applyFont="1" applyFill="1" applyBorder="1" applyAlignment="1">
      <alignment horizontal="right" vertical="center"/>
    </xf>
    <xf numFmtId="165" fontId="4" fillId="0" borderId="3" xfId="5" applyNumberFormat="1" applyFont="1" applyFill="1" applyBorder="1" applyAlignment="1">
      <alignment horizontal="left" vertical="center" wrapText="1"/>
    </xf>
    <xf numFmtId="165" fontId="4" fillId="0" borderId="2" xfId="5" applyNumberFormat="1" applyFont="1" applyFill="1" applyBorder="1" applyAlignment="1">
      <alignment horizontal="right" vertical="center" wrapText="1"/>
    </xf>
    <xf numFmtId="165" fontId="5" fillId="0" borderId="13" xfId="5" applyNumberFormat="1" applyFont="1" applyFill="1" applyBorder="1" applyAlignment="1">
      <alignment horizontal="right" vertical="center"/>
    </xf>
    <xf numFmtId="165" fontId="5" fillId="0" borderId="13" xfId="5" applyNumberFormat="1" applyFont="1" applyFill="1" applyBorder="1" applyAlignment="1">
      <alignment horizontal="right" vertical="center" wrapText="1"/>
    </xf>
    <xf numFmtId="165" fontId="5" fillId="2" borderId="9" xfId="5" applyNumberFormat="1" applyFont="1" applyFill="1" applyBorder="1" applyAlignment="1">
      <alignment horizontal="left" vertical="center" wrapText="1"/>
    </xf>
    <xf numFmtId="165" fontId="5" fillId="2" borderId="10" xfId="5" applyNumberFormat="1" applyFont="1" applyFill="1" applyBorder="1" applyAlignment="1">
      <alignment horizontal="left" vertical="center" wrapText="1"/>
    </xf>
    <xf numFmtId="165" fontId="5" fillId="0" borderId="12" xfId="5" applyNumberFormat="1" applyFont="1" applyFill="1" applyBorder="1" applyAlignment="1">
      <alignment horizontal="right" vertical="center"/>
    </xf>
    <xf numFmtId="165" fontId="5" fillId="2" borderId="12" xfId="5" applyNumberFormat="1" applyFont="1" applyFill="1" applyBorder="1" applyAlignment="1">
      <alignment horizontal="right" vertical="center"/>
    </xf>
    <xf numFmtId="165" fontId="5" fillId="2" borderId="13" xfId="5" applyNumberFormat="1" applyFont="1" applyFill="1" applyBorder="1" applyAlignment="1">
      <alignment horizontal="right" vertical="center"/>
    </xf>
    <xf numFmtId="165" fontId="5" fillId="2" borderId="1" xfId="5" applyNumberFormat="1" applyFont="1" applyFill="1" applyBorder="1" applyAlignment="1">
      <alignment horizontal="right" vertical="center"/>
    </xf>
    <xf numFmtId="43" fontId="4" fillId="0" borderId="0" xfId="0" applyNumberFormat="1" applyFont="1" applyBorder="1" applyAlignment="1">
      <alignment vertical="center"/>
    </xf>
    <xf numFmtId="43" fontId="4" fillId="0" borderId="0" xfId="1" applyNumberFormat="1" applyFont="1" applyBorder="1" applyAlignment="1">
      <alignment vertical="center"/>
    </xf>
    <xf numFmtId="165" fontId="4" fillId="0" borderId="2" xfId="0" applyNumberFormat="1" applyFont="1" applyFill="1" applyBorder="1" applyAlignment="1">
      <alignment horizontal="center" vertical="center"/>
    </xf>
    <xf numFmtId="165" fontId="4" fillId="0" borderId="13" xfId="0" applyNumberFormat="1" applyFont="1" applyFill="1" applyBorder="1" applyAlignment="1">
      <alignment horizontal="center" vertical="center"/>
    </xf>
    <xf numFmtId="165" fontId="5" fillId="0" borderId="14" xfId="0" applyNumberFormat="1" applyFont="1" applyFill="1" applyBorder="1" applyAlignment="1">
      <alignment vertical="center"/>
    </xf>
    <xf numFmtId="165" fontId="5" fillId="0" borderId="2" xfId="0" applyNumberFormat="1" applyFont="1" applyFill="1" applyBorder="1" applyAlignment="1">
      <alignment vertical="center"/>
    </xf>
    <xf numFmtId="165" fontId="5" fillId="0" borderId="9" xfId="0" applyNumberFormat="1" applyFont="1" applyFill="1" applyBorder="1" applyAlignment="1">
      <alignment vertical="center"/>
    </xf>
    <xf numFmtId="165" fontId="5" fillId="0" borderId="10"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165" fontId="5" fillId="2" borderId="10" xfId="5" applyNumberFormat="1" applyFont="1" applyFill="1" applyBorder="1" applyAlignment="1">
      <alignment horizontal="right" vertical="center"/>
    </xf>
    <xf numFmtId="165" fontId="5" fillId="2" borderId="9"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3"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wrapText="1"/>
    </xf>
    <xf numFmtId="165" fontId="4" fillId="0" borderId="8" xfId="5" applyNumberFormat="1" applyFont="1" applyFill="1" applyBorder="1" applyAlignment="1">
      <alignment horizontal="right" vertical="center"/>
    </xf>
    <xf numFmtId="165" fontId="5" fillId="0" borderId="11" xfId="5" applyNumberFormat="1" applyFont="1" applyFill="1" applyBorder="1" applyAlignment="1">
      <alignment horizontal="right" vertical="center"/>
    </xf>
    <xf numFmtId="165" fontId="5" fillId="0" borderId="6" xfId="5" applyNumberFormat="1" applyFont="1" applyFill="1" applyBorder="1" applyAlignment="1">
      <alignment horizontal="right" vertical="center"/>
    </xf>
    <xf numFmtId="165" fontId="4" fillId="0" borderId="8"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5" fillId="0" borderId="1" xfId="5" applyNumberFormat="1" applyFont="1" applyFill="1" applyBorder="1" applyAlignment="1">
      <alignment horizontal="right" vertical="center"/>
    </xf>
    <xf numFmtId="165" fontId="5" fillId="2" borderId="10" xfId="1" applyNumberFormat="1" applyFont="1" applyFill="1" applyBorder="1" applyAlignment="1">
      <alignment horizontal="center" vertical="center"/>
    </xf>
    <xf numFmtId="165" fontId="5" fillId="2" borderId="9" xfId="1" applyNumberFormat="1" applyFont="1" applyFill="1" applyBorder="1" applyAlignment="1">
      <alignment horizontal="center" vertical="center"/>
    </xf>
    <xf numFmtId="165" fontId="4" fillId="0" borderId="3" xfId="5" applyNumberFormat="1" applyFont="1" applyFill="1" applyBorder="1" applyAlignment="1">
      <alignment horizontal="right" vertical="center" wrapText="1"/>
    </xf>
    <xf numFmtId="165" fontId="5" fillId="2" borderId="9" xfId="5" applyNumberFormat="1" applyFont="1" applyFill="1" applyBorder="1" applyAlignment="1">
      <alignment horizontal="right" vertical="center" wrapText="1"/>
    </xf>
    <xf numFmtId="165" fontId="5" fillId="2" borderId="10"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5" fillId="0" borderId="8" xfId="0" applyNumberFormat="1" applyFont="1" applyFill="1" applyBorder="1" applyAlignment="1">
      <alignment horizontal="center" vertical="center"/>
    </xf>
    <xf numFmtId="165" fontId="5" fillId="0" borderId="0" xfId="0" applyNumberFormat="1" applyFont="1" applyFill="1" applyBorder="1" applyAlignment="1">
      <alignment horizontal="center" vertical="center"/>
    </xf>
    <xf numFmtId="165" fontId="4" fillId="0" borderId="2" xfId="5" applyNumberFormat="1" applyFont="1" applyFill="1" applyBorder="1" applyAlignment="1">
      <alignment horizontal="center" vertical="center"/>
    </xf>
    <xf numFmtId="165" fontId="18" fillId="0" borderId="2" xfId="5" applyNumberFormat="1" applyFont="1" applyFill="1" applyBorder="1" applyAlignment="1">
      <alignment vertical="center"/>
    </xf>
    <xf numFmtId="165" fontId="17" fillId="0" borderId="2" xfId="5" applyNumberFormat="1" applyFont="1" applyFill="1" applyBorder="1" applyAlignment="1">
      <alignment vertical="center"/>
    </xf>
    <xf numFmtId="165" fontId="5" fillId="2" borderId="15" xfId="0" applyNumberFormat="1" applyFont="1" applyFill="1" applyBorder="1" applyAlignment="1">
      <alignment horizontal="center" vertical="center"/>
    </xf>
    <xf numFmtId="165" fontId="5" fillId="2" borderId="15" xfId="0" applyNumberFormat="1" applyFont="1" applyFill="1" applyBorder="1" applyAlignment="1">
      <alignment vertical="center"/>
    </xf>
    <xf numFmtId="165" fontId="5" fillId="0" borderId="2" xfId="3" applyNumberFormat="1" applyFont="1" applyFill="1" applyBorder="1" applyAlignment="1">
      <alignment horizontal="center" vertical="center" wrapText="1"/>
    </xf>
    <xf numFmtId="165" fontId="4" fillId="0" borderId="2" xfId="3" applyNumberFormat="1" applyFont="1" applyFill="1" applyBorder="1" applyAlignment="1">
      <alignment horizontal="center" vertical="center" wrapText="1"/>
    </xf>
    <xf numFmtId="165" fontId="5" fillId="2" borderId="15" xfId="3" applyNumberFormat="1" applyFont="1" applyFill="1" applyBorder="1" applyAlignment="1">
      <alignment horizontal="center" vertical="center" wrapText="1"/>
    </xf>
    <xf numFmtId="165" fontId="5" fillId="0" borderId="2" xfId="5" applyNumberFormat="1" applyFont="1" applyFill="1" applyBorder="1" applyAlignment="1">
      <alignment horizontal="center" vertical="center"/>
    </xf>
    <xf numFmtId="165" fontId="21" fillId="0" borderId="2" xfId="5" applyNumberFormat="1" applyFont="1" applyFill="1" applyBorder="1" applyAlignment="1">
      <alignment vertical="center"/>
    </xf>
    <xf numFmtId="165" fontId="5" fillId="0" borderId="1" xfId="5" applyNumberFormat="1" applyFont="1" applyFill="1" applyBorder="1" applyAlignment="1">
      <alignment vertical="center"/>
    </xf>
    <xf numFmtId="165" fontId="5" fillId="0" borderId="5" xfId="5" applyNumberFormat="1" applyFont="1" applyFill="1" applyBorder="1" applyAlignment="1">
      <alignment vertical="center"/>
    </xf>
    <xf numFmtId="165" fontId="5" fillId="2" borderId="1" xfId="5" applyNumberFormat="1" applyFont="1" applyFill="1" applyBorder="1" applyAlignment="1">
      <alignment vertical="center"/>
    </xf>
    <xf numFmtId="165" fontId="5" fillId="2" borderId="1" xfId="5" applyNumberFormat="1" applyFont="1" applyFill="1" applyBorder="1" applyAlignment="1">
      <alignment horizontal="center" vertical="center"/>
    </xf>
    <xf numFmtId="165" fontId="5" fillId="0" borderId="8" xfId="5" applyNumberFormat="1" applyFont="1" applyFill="1" applyBorder="1" applyAlignment="1">
      <alignment horizontal="left" vertical="center"/>
    </xf>
    <xf numFmtId="165" fontId="5" fillId="0" borderId="2" xfId="5" applyNumberFormat="1" applyFont="1" applyFill="1" applyBorder="1" applyAlignment="1">
      <alignment horizontal="left" vertical="center"/>
    </xf>
    <xf numFmtId="165" fontId="4" fillId="0" borderId="8" xfId="5" applyNumberFormat="1" applyFont="1" applyFill="1" applyBorder="1" applyAlignment="1">
      <alignment horizontal="left" vertical="center"/>
    </xf>
    <xf numFmtId="165" fontId="4" fillId="0" borderId="2" xfId="5" applyNumberFormat="1" applyFont="1" applyBorder="1"/>
    <xf numFmtId="165" fontId="5" fillId="0" borderId="12" xfId="3" applyNumberFormat="1" applyFont="1" applyFill="1" applyBorder="1" applyAlignment="1">
      <alignment horizontal="center" vertical="center" wrapText="1"/>
    </xf>
    <xf numFmtId="165" fontId="5" fillId="2" borderId="15" xfId="5" applyNumberFormat="1" applyFont="1" applyFill="1" applyBorder="1" applyAlignment="1">
      <alignment horizontal="left"/>
    </xf>
    <xf numFmtId="165" fontId="5" fillId="2" borderId="15" xfId="5" applyNumberFormat="1" applyFont="1" applyFill="1" applyBorder="1" applyAlignment="1">
      <alignment horizontal="left" vertical="center"/>
    </xf>
    <xf numFmtId="165" fontId="5" fillId="2" borderId="10" xfId="5" applyNumberFormat="1" applyFont="1" applyFill="1" applyBorder="1" applyAlignment="1">
      <alignment horizontal="left" vertical="center"/>
    </xf>
    <xf numFmtId="165" fontId="4" fillId="0" borderId="0" xfId="5" applyNumberFormat="1" applyFont="1" applyFill="1" applyBorder="1" applyAlignment="1">
      <alignment vertical="center"/>
    </xf>
    <xf numFmtId="165" fontId="4" fillId="0" borderId="5" xfId="5" applyNumberFormat="1" applyFont="1" applyFill="1" applyBorder="1" applyAlignment="1">
      <alignment vertical="center"/>
    </xf>
    <xf numFmtId="165" fontId="5" fillId="0" borderId="4" xfId="5" applyNumberFormat="1" applyFont="1" applyFill="1" applyBorder="1" applyAlignment="1">
      <alignment vertical="center"/>
    </xf>
    <xf numFmtId="165" fontId="4" fillId="0" borderId="2" xfId="5" applyNumberFormat="1" applyFont="1" applyFill="1" applyBorder="1" applyAlignment="1"/>
    <xf numFmtId="165" fontId="4" fillId="0" borderId="14" xfId="5" applyNumberFormat="1" applyFont="1" applyFill="1" applyBorder="1" applyAlignment="1">
      <alignment vertical="center"/>
    </xf>
    <xf numFmtId="165" fontId="4" fillId="0" borderId="4" xfId="5" applyNumberFormat="1" applyFont="1" applyFill="1" applyBorder="1" applyAlignment="1">
      <alignment vertical="center"/>
    </xf>
    <xf numFmtId="165" fontId="22" fillId="0" borderId="2" xfId="0" applyNumberFormat="1" applyFont="1" applyFill="1" applyBorder="1" applyAlignment="1">
      <alignment horizontal="right" vertical="center"/>
    </xf>
    <xf numFmtId="165" fontId="21" fillId="0" borderId="2" xfId="5" applyNumberFormat="1" applyFont="1" applyFill="1" applyBorder="1" applyAlignment="1">
      <alignment horizontal="right" vertical="center"/>
    </xf>
    <xf numFmtId="165" fontId="21" fillId="0" borderId="8" xfId="5" applyNumberFormat="1" applyFont="1" applyFill="1" applyBorder="1" applyAlignment="1">
      <alignment horizontal="right" vertical="center"/>
    </xf>
    <xf numFmtId="165" fontId="5" fillId="0" borderId="5" xfId="1" applyNumberFormat="1" applyFont="1" applyFill="1" applyBorder="1" applyAlignment="1">
      <alignment vertical="center"/>
    </xf>
    <xf numFmtId="165" fontId="5" fillId="0" borderId="2" xfId="1" applyNumberFormat="1" applyFont="1" applyFill="1" applyBorder="1" applyAlignment="1">
      <alignment vertical="center"/>
    </xf>
    <xf numFmtId="165" fontId="4" fillId="0" borderId="2" xfId="1" applyNumberFormat="1" applyFont="1" applyFill="1" applyBorder="1" applyAlignment="1">
      <alignment vertical="center" wrapText="1"/>
    </xf>
    <xf numFmtId="165" fontId="5" fillId="0" borderId="2" xfId="1" applyNumberFormat="1" applyFont="1" applyFill="1" applyBorder="1" applyAlignment="1">
      <alignment vertical="center" wrapText="1"/>
    </xf>
    <xf numFmtId="165" fontId="4" fillId="0" borderId="2" xfId="1" applyNumberFormat="1" applyFont="1" applyFill="1" applyBorder="1" applyAlignment="1">
      <alignment vertical="center"/>
    </xf>
    <xf numFmtId="165" fontId="5" fillId="2" borderId="15" xfId="1" applyNumberFormat="1" applyFont="1" applyFill="1" applyBorder="1" applyAlignment="1">
      <alignment vertical="center"/>
    </xf>
    <xf numFmtId="165" fontId="5" fillId="0" borderId="1" xfId="1" applyNumberFormat="1" applyFont="1" applyFill="1" applyBorder="1" applyAlignment="1">
      <alignment vertical="center"/>
    </xf>
    <xf numFmtId="165" fontId="5" fillId="0" borderId="14" xfId="1" applyNumberFormat="1" applyFont="1" applyFill="1" applyBorder="1" applyAlignment="1">
      <alignment vertical="center"/>
    </xf>
    <xf numFmtId="165" fontId="5" fillId="0" borderId="2"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165" fontId="5" fillId="0" borderId="11" xfId="1" applyNumberFormat="1" applyFont="1" applyBorder="1" applyAlignment="1">
      <alignment vertical="center"/>
    </xf>
    <xf numFmtId="165" fontId="4" fillId="0" borderId="2" xfId="1" applyNumberFormat="1" applyFont="1" applyFill="1" applyBorder="1" applyAlignment="1">
      <alignment horizontal="center" vertical="center"/>
    </xf>
    <xf numFmtId="165" fontId="4" fillId="0" borderId="8" xfId="1" applyNumberFormat="1" applyFont="1" applyBorder="1" applyAlignment="1">
      <alignment vertical="center"/>
    </xf>
    <xf numFmtId="165" fontId="5" fillId="0" borderId="8" xfId="1" applyNumberFormat="1" applyFont="1" applyBorder="1" applyAlignment="1">
      <alignment vertical="center"/>
    </xf>
    <xf numFmtId="165" fontId="4" fillId="0" borderId="1" xfId="1" applyNumberFormat="1" applyFont="1" applyBorder="1" applyAlignment="1">
      <alignment vertical="center"/>
    </xf>
    <xf numFmtId="165" fontId="5" fillId="2" borderId="15"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165" fontId="5" fillId="2" borderId="10" xfId="1" applyNumberFormat="1" applyFont="1" applyFill="1" applyBorder="1" applyAlignment="1">
      <alignment vertical="center"/>
    </xf>
    <xf numFmtId="165" fontId="4" fillId="3" borderId="14" xfId="1" applyNumberFormat="1" applyFont="1" applyFill="1" applyBorder="1" applyAlignment="1">
      <alignment horizontal="left" vertical="center"/>
    </xf>
    <xf numFmtId="165" fontId="4" fillId="3" borderId="6" xfId="1" applyNumberFormat="1" applyFont="1" applyFill="1" applyBorder="1" applyAlignment="1">
      <alignment horizontal="left" vertical="center"/>
    </xf>
    <xf numFmtId="165" fontId="4" fillId="0" borderId="11" xfId="1" applyNumberFormat="1" applyFont="1" applyBorder="1" applyAlignment="1">
      <alignment vertical="center"/>
    </xf>
    <xf numFmtId="165" fontId="4" fillId="3" borderId="2" xfId="1" applyNumberFormat="1" applyFont="1" applyFill="1" applyBorder="1" applyAlignment="1">
      <alignment horizontal="left" vertical="center"/>
    </xf>
    <xf numFmtId="165" fontId="4" fillId="3" borderId="3" xfId="1" applyNumberFormat="1" applyFont="1" applyFill="1" applyBorder="1" applyAlignment="1">
      <alignment horizontal="left" vertical="center"/>
    </xf>
    <xf numFmtId="165" fontId="5" fillId="3" borderId="2" xfId="1" applyNumberFormat="1" applyFont="1" applyFill="1" applyBorder="1" applyAlignment="1">
      <alignment horizontal="left" vertical="center"/>
    </xf>
    <xf numFmtId="165" fontId="5" fillId="3" borderId="3" xfId="1" applyNumberFormat="1" applyFont="1" applyFill="1" applyBorder="1" applyAlignment="1">
      <alignment horizontal="left" vertical="center"/>
    </xf>
    <xf numFmtId="165" fontId="4" fillId="0" borderId="0" xfId="1" applyNumberFormat="1" applyFont="1" applyAlignment="1">
      <alignment vertical="center"/>
    </xf>
    <xf numFmtId="165" fontId="5" fillId="0" borderId="0" xfId="1" applyNumberFormat="1" applyFont="1" applyAlignment="1">
      <alignment vertical="center"/>
    </xf>
    <xf numFmtId="165" fontId="5" fillId="0" borderId="1" xfId="1" applyNumberFormat="1" applyFont="1" applyBorder="1" applyAlignment="1">
      <alignment vertical="center"/>
    </xf>
    <xf numFmtId="165" fontId="5" fillId="0" borderId="5" xfId="1" applyNumberFormat="1" applyFont="1" applyFill="1" applyBorder="1" applyAlignment="1">
      <alignment horizontal="center" vertical="center" wrapText="1"/>
    </xf>
    <xf numFmtId="165" fontId="4" fillId="0" borderId="5" xfId="1" applyNumberFormat="1" applyFont="1" applyFill="1" applyBorder="1" applyAlignment="1">
      <alignment vertical="center"/>
    </xf>
    <xf numFmtId="165" fontId="4" fillId="0" borderId="0" xfId="1" applyNumberFormat="1" applyFont="1" applyFill="1" applyBorder="1" applyAlignment="1">
      <alignment vertical="center"/>
    </xf>
    <xf numFmtId="165" fontId="5" fillId="2" borderId="10" xfId="1" applyNumberFormat="1" applyFont="1" applyFill="1" applyBorder="1" applyAlignment="1">
      <alignment horizontal="center" vertical="center" wrapText="1"/>
    </xf>
    <xf numFmtId="165" fontId="5" fillId="2" borderId="1" xfId="1" applyNumberFormat="1" applyFont="1" applyFill="1" applyBorder="1" applyAlignment="1">
      <alignment horizontal="center" vertical="center"/>
    </xf>
    <xf numFmtId="165" fontId="5" fillId="2" borderId="7" xfId="1" applyNumberFormat="1" applyFont="1" applyFill="1" applyBorder="1" applyAlignment="1">
      <alignment vertical="center"/>
    </xf>
    <xf numFmtId="165" fontId="4" fillId="3" borderId="6" xfId="1" applyNumberFormat="1" applyFont="1" applyFill="1" applyBorder="1" applyAlignment="1">
      <alignment vertical="center" wrapText="1"/>
    </xf>
    <xf numFmtId="165" fontId="4" fillId="0" borderId="14" xfId="1" applyNumberFormat="1" applyFont="1" applyFill="1" applyBorder="1" applyAlignment="1">
      <alignment vertical="center" wrapText="1"/>
    </xf>
    <xf numFmtId="165" fontId="4" fillId="3" borderId="6" xfId="1" applyNumberFormat="1" applyFont="1" applyFill="1" applyBorder="1" applyAlignment="1">
      <alignment vertical="center"/>
    </xf>
    <xf numFmtId="165" fontId="4" fillId="3" borderId="14" xfId="1" applyNumberFormat="1" applyFont="1" applyFill="1" applyBorder="1" applyAlignment="1">
      <alignment vertical="center"/>
    </xf>
    <xf numFmtId="165" fontId="4" fillId="3" borderId="3" xfId="1" applyNumberFormat="1" applyFont="1" applyFill="1" applyBorder="1" applyAlignment="1">
      <alignment vertical="center" wrapText="1"/>
    </xf>
    <xf numFmtId="165" fontId="4" fillId="3" borderId="2" xfId="1" applyNumberFormat="1" applyFont="1" applyFill="1" applyBorder="1" applyAlignment="1">
      <alignment vertical="center" wrapText="1"/>
    </xf>
    <xf numFmtId="165" fontId="4" fillId="3" borderId="2" xfId="1" applyNumberFormat="1" applyFont="1" applyFill="1" applyBorder="1" applyAlignment="1">
      <alignment vertical="center"/>
    </xf>
    <xf numFmtId="165" fontId="4" fillId="3" borderId="3" xfId="1" applyNumberFormat="1" applyFont="1" applyFill="1" applyBorder="1" applyAlignment="1">
      <alignment vertical="center"/>
    </xf>
    <xf numFmtId="165" fontId="5" fillId="2" borderId="9" xfId="1" applyNumberFormat="1" applyFont="1" applyFill="1" applyBorder="1" applyAlignment="1">
      <alignment vertical="center" wrapText="1"/>
    </xf>
    <xf numFmtId="165" fontId="5" fillId="2" borderId="15" xfId="1" applyNumberFormat="1" applyFont="1" applyFill="1" applyBorder="1" applyAlignment="1">
      <alignment vertical="center" wrapText="1"/>
    </xf>
    <xf numFmtId="165" fontId="5" fillId="3" borderId="4" xfId="1" applyNumberFormat="1" applyFont="1" applyFill="1" applyBorder="1" applyAlignment="1">
      <alignment horizontal="center" vertical="center" wrapText="1"/>
    </xf>
    <xf numFmtId="165" fontId="5" fillId="3" borderId="14" xfId="1" applyNumberFormat="1" applyFont="1" applyFill="1" applyBorder="1" applyAlignment="1">
      <alignment horizontal="center" vertical="center" wrapText="1"/>
    </xf>
    <xf numFmtId="165" fontId="5" fillId="3" borderId="0" xfId="1" applyNumberFormat="1" applyFont="1" applyFill="1" applyBorder="1" applyAlignment="1">
      <alignment horizontal="center" vertical="center" wrapText="1"/>
    </xf>
    <xf numFmtId="165" fontId="5" fillId="3" borderId="2" xfId="1" applyNumberFormat="1" applyFont="1" applyFill="1" applyBorder="1" applyAlignment="1">
      <alignment horizontal="center" vertical="center" wrapText="1"/>
    </xf>
    <xf numFmtId="165" fontId="4" fillId="0" borderId="4" xfId="0" applyNumberFormat="1" applyFont="1" applyFill="1" applyBorder="1" applyAlignment="1">
      <alignment horizontal="left" vertical="center" wrapText="1"/>
    </xf>
    <xf numFmtId="165" fontId="4" fillId="0" borderId="0" xfId="0" applyNumberFormat="1" applyFont="1" applyFill="1" applyBorder="1" applyAlignment="1">
      <alignment horizontal="left" vertical="center" wrapText="1"/>
    </xf>
    <xf numFmtId="165" fontId="4" fillId="3" borderId="0" xfId="1" applyNumberFormat="1" applyFont="1" applyFill="1" applyBorder="1" applyAlignment="1">
      <alignment horizontal="left" vertical="center" wrapText="1"/>
    </xf>
    <xf numFmtId="165" fontId="5" fillId="2" borderId="15" xfId="1" applyNumberFormat="1" applyFont="1" applyFill="1" applyBorder="1" applyAlignment="1">
      <alignment horizontal="center" vertical="center" wrapText="1"/>
    </xf>
    <xf numFmtId="165" fontId="4" fillId="0" borderId="13" xfId="1" applyNumberFormat="1" applyFont="1" applyFill="1" applyBorder="1" applyAlignment="1">
      <alignment vertical="center"/>
    </xf>
    <xf numFmtId="165" fontId="4" fillId="0" borderId="8" xfId="0" applyNumberFormat="1" applyFont="1" applyFill="1" applyBorder="1" applyAlignment="1">
      <alignment horizontal="right" vertical="center" wrapText="1"/>
    </xf>
    <xf numFmtId="165" fontId="4" fillId="0" borderId="2" xfId="0" applyNumberFormat="1" applyFont="1" applyFill="1" applyBorder="1" applyAlignment="1">
      <alignment horizontal="right" vertical="center" wrapText="1"/>
    </xf>
    <xf numFmtId="165" fontId="4" fillId="0" borderId="8" xfId="0" applyNumberFormat="1" applyFont="1" applyFill="1" applyBorder="1" applyAlignment="1">
      <alignment vertical="center" wrapText="1"/>
    </xf>
    <xf numFmtId="165" fontId="5" fillId="2" borderId="15" xfId="0" applyNumberFormat="1" applyFont="1" applyFill="1" applyBorder="1" applyAlignment="1">
      <alignment horizontal="right" vertical="center" wrapText="1"/>
    </xf>
    <xf numFmtId="165" fontId="5" fillId="2" borderId="10" xfId="0" applyNumberFormat="1" applyFont="1" applyFill="1" applyBorder="1" applyAlignment="1">
      <alignment vertical="center" wrapText="1"/>
    </xf>
    <xf numFmtId="165" fontId="5" fillId="2" borderId="13" xfId="0" applyNumberFormat="1" applyFont="1" applyFill="1" applyBorder="1" applyAlignment="1">
      <alignment horizontal="right" vertical="center" wrapText="1"/>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4" fillId="0" borderId="0"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5" fillId="0" borderId="7"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5"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0"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4" fillId="0" borderId="8" xfId="5" applyNumberFormat="1" applyFont="1" applyFill="1" applyBorder="1" applyAlignment="1">
      <alignment horizontal="right" vertical="center"/>
    </xf>
    <xf numFmtId="165" fontId="4" fillId="0" borderId="3" xfId="5" applyNumberFormat="1" applyFont="1" applyFill="1" applyBorder="1" applyAlignment="1">
      <alignment horizontal="right" vertical="center"/>
    </xf>
    <xf numFmtId="165" fontId="5" fillId="0" borderId="12"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0" borderId="8" xfId="5" applyNumberFormat="1" applyFont="1" applyFill="1" applyBorder="1" applyAlignment="1">
      <alignment horizontal="right" vertical="center"/>
    </xf>
    <xf numFmtId="165" fontId="5" fillId="0" borderId="3" xfId="5" applyNumberFormat="1" applyFont="1" applyFill="1" applyBorder="1" applyAlignment="1">
      <alignment horizontal="right"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22" fontId="4" fillId="0" borderId="0" xfId="0" applyNumberFormat="1" applyFont="1" applyFill="1" applyBorder="1" applyAlignment="1">
      <alignment horizontal="right"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165" fontId="4" fillId="0" borderId="10" xfId="5" applyNumberFormat="1" applyFont="1" applyFill="1" applyBorder="1" applyAlignment="1">
      <alignment horizontal="right" vertical="center"/>
    </xf>
    <xf numFmtId="165" fontId="4" fillId="0" borderId="9" xfId="5" applyNumberFormat="1" applyFont="1" applyFill="1" applyBorder="1" applyAlignment="1">
      <alignment horizontal="right" vertical="center"/>
    </xf>
    <xf numFmtId="165" fontId="5" fillId="0" borderId="5" xfId="5" applyNumberFormat="1" applyFont="1" applyFill="1" applyBorder="1" applyAlignment="1">
      <alignment horizontal="center" vertical="center"/>
    </xf>
    <xf numFmtId="165" fontId="5" fillId="2" borderId="5" xfId="5" applyNumberFormat="1" applyFont="1" applyFill="1" applyBorder="1" applyAlignment="1">
      <alignment horizontal="center" vertical="center"/>
    </xf>
    <xf numFmtId="165" fontId="5" fillId="0" borderId="4"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7" xfId="5" applyNumberFormat="1"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0" fontId="5" fillId="2" borderId="5" xfId="0" applyNumberFormat="1" applyFont="1" applyFill="1" applyBorder="1" applyAlignment="1">
      <alignment horizontal="center" vertical="center"/>
    </xf>
    <xf numFmtId="165" fontId="4" fillId="0" borderId="11" xfId="5" applyNumberFormat="1" applyFont="1" applyFill="1" applyBorder="1" applyAlignment="1">
      <alignment horizontal="center" vertical="center"/>
    </xf>
    <xf numFmtId="165" fontId="4" fillId="0" borderId="4"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49" fontId="5" fillId="0" borderId="0" xfId="0" applyNumberFormat="1" applyFont="1" applyFill="1" applyAlignment="1">
      <alignment horizontal="center" vertical="center"/>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8" xfId="0" applyNumberFormat="1" applyFont="1" applyFill="1" applyBorder="1" applyAlignment="1">
      <alignment horizontal="center"/>
    </xf>
    <xf numFmtId="49" fontId="5" fillId="2" borderId="6" xfId="0" applyNumberFormat="1" applyFont="1" applyFill="1" applyBorder="1" applyAlignment="1">
      <alignment horizontal="center"/>
    </xf>
    <xf numFmtId="0" fontId="4" fillId="0" borderId="0" xfId="1" applyNumberFormat="1" applyFont="1" applyFill="1" applyBorder="1" applyAlignment="1">
      <alignment horizontal="center" vertical="center" wrapText="1"/>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6"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43" fontId="5" fillId="2" borderId="12" xfId="5" applyFont="1" applyFill="1" applyBorder="1" applyAlignment="1">
      <alignment horizontal="center" vertical="center"/>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11" xfId="0" applyFont="1" applyFill="1" applyBorder="1" applyAlignment="1">
      <alignment horizontal="center"/>
    </xf>
    <xf numFmtId="0" fontId="5" fillId="2" borderId="6" xfId="0" applyFont="1" applyFill="1" applyBorder="1" applyAlignment="1">
      <alignment horizontal="center"/>
    </xf>
    <xf numFmtId="0" fontId="5" fillId="2" borderId="4" xfId="0" applyFont="1" applyFill="1" applyBorder="1" applyAlignment="1">
      <alignment horizontal="center" vertical="center" wrapText="1"/>
    </xf>
    <xf numFmtId="0" fontId="5" fillId="2" borderId="8"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2" xfId="0" applyFont="1" applyFill="1" applyBorder="1" applyAlignment="1">
      <alignment horizontal="center" vertical="center"/>
    </xf>
    <xf numFmtId="49" fontId="4" fillId="0" borderId="0" xfId="0" applyNumberFormat="1" applyFont="1" applyFill="1" applyBorder="1" applyAlignment="1">
      <alignment horizontal="right" vertical="center"/>
    </xf>
    <xf numFmtId="0" fontId="5" fillId="2" borderId="0" xfId="0" applyFont="1" applyFill="1" applyBorder="1" applyAlignment="1">
      <alignment horizontal="center" vertical="center"/>
    </xf>
    <xf numFmtId="0" fontId="5" fillId="2" borderId="6" xfId="0" applyFont="1" applyFill="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165" fontId="4" fillId="0" borderId="11" xfId="5" applyNumberFormat="1" applyFont="1" applyBorder="1" applyAlignment="1">
      <alignment horizontal="center" vertical="center" wrapText="1"/>
    </xf>
    <xf numFmtId="165" fontId="4" fillId="0" borderId="4" xfId="5" applyNumberFormat="1" applyFont="1" applyBorder="1" applyAlignment="1">
      <alignment horizontal="center" vertical="center" wrapText="1"/>
    </xf>
    <xf numFmtId="165" fontId="4" fillId="0" borderId="6" xfId="5" applyNumberFormat="1" applyFont="1" applyBorder="1" applyAlignment="1">
      <alignment horizontal="center" vertical="center" wrapText="1"/>
    </xf>
    <xf numFmtId="165" fontId="4" fillId="0" borderId="8" xfId="5" applyNumberFormat="1" applyFont="1" applyBorder="1" applyAlignment="1">
      <alignment horizontal="center" vertical="center" wrapText="1"/>
    </xf>
    <xf numFmtId="165" fontId="4" fillId="0" borderId="0" xfId="5" applyNumberFormat="1" applyFont="1" applyBorder="1" applyAlignment="1">
      <alignment horizontal="center" vertical="center" wrapText="1"/>
    </xf>
    <xf numFmtId="165" fontId="4" fillId="0" borderId="3" xfId="5" applyNumberFormat="1" applyFont="1" applyBorder="1" applyAlignment="1">
      <alignment horizontal="center" vertical="center" wrapText="1"/>
    </xf>
    <xf numFmtId="165" fontId="4" fillId="0" borderId="1" xfId="5" applyNumberFormat="1" applyFont="1" applyBorder="1" applyAlignment="1">
      <alignment horizontal="center" vertical="center" wrapText="1"/>
    </xf>
    <xf numFmtId="165" fontId="4" fillId="0" borderId="7" xfId="5" applyNumberFormat="1" applyFont="1" applyBorder="1" applyAlignment="1">
      <alignment horizontal="center" vertical="center" wrapText="1"/>
    </xf>
    <xf numFmtId="165" fontId="4" fillId="0" borderId="12" xfId="5" applyNumberFormat="1" applyFont="1" applyBorder="1" applyAlignment="1">
      <alignment horizontal="center" vertical="center" wrapText="1"/>
    </xf>
    <xf numFmtId="165" fontId="5" fillId="2" borderId="11" xfId="5" applyNumberFormat="1" applyFont="1" applyFill="1" applyBorder="1" applyAlignment="1">
      <alignment horizontal="center" vertical="center"/>
    </xf>
    <xf numFmtId="165" fontId="5" fillId="2" borderId="4" xfId="5" applyNumberFormat="1" applyFont="1" applyFill="1" applyBorder="1" applyAlignment="1">
      <alignment horizontal="center" vertical="center"/>
    </xf>
    <xf numFmtId="165" fontId="5" fillId="0" borderId="11" xfId="5" applyNumberFormat="1" applyFont="1" applyBorder="1" applyAlignment="1">
      <alignment horizontal="center" vertical="center" wrapText="1"/>
    </xf>
    <xf numFmtId="165" fontId="5" fillId="0" borderId="6" xfId="5" applyNumberFormat="1" applyFont="1" applyBorder="1" applyAlignment="1">
      <alignment horizontal="center" vertical="center" wrapText="1"/>
    </xf>
    <xf numFmtId="165" fontId="5" fillId="0" borderId="4" xfId="5" applyNumberFormat="1" applyFont="1" applyBorder="1" applyAlignment="1">
      <alignment horizontal="center" vertical="center" wrapText="1"/>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165" fontId="4" fillId="0" borderId="6" xfId="5" applyNumberFormat="1" applyFont="1" applyFill="1" applyBorder="1" applyAlignment="1">
      <alignment horizontal="center" vertical="center"/>
    </xf>
    <xf numFmtId="165" fontId="5" fillId="2" borderId="10" xfId="5" applyNumberFormat="1" applyFont="1" applyFill="1" applyBorder="1" applyAlignment="1">
      <alignment horizontal="right" vertical="center"/>
    </xf>
    <xf numFmtId="165" fontId="5" fillId="2" borderId="9"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2" borderId="5" xfId="0" applyNumberFormat="1" applyFont="1" applyFill="1" applyBorder="1" applyAlignment="1">
      <alignment horizontal="right" vertical="center"/>
    </xf>
    <xf numFmtId="165" fontId="5" fillId="2" borderId="9" xfId="0"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4" fillId="0" borderId="0" xfId="5" applyNumberFormat="1" applyFont="1" applyFill="1" applyBorder="1" applyAlignment="1">
      <alignment horizontal="right" vertical="center"/>
    </xf>
    <xf numFmtId="165" fontId="5" fillId="0" borderId="11" xfId="5" applyNumberFormat="1" applyFont="1" applyFill="1" applyBorder="1" applyAlignment="1">
      <alignment horizontal="right" vertical="center"/>
    </xf>
    <xf numFmtId="165" fontId="5" fillId="0" borderId="6" xfId="5" applyNumberFormat="1" applyFont="1" applyFill="1" applyBorder="1" applyAlignment="1">
      <alignment horizontal="right" vertical="center"/>
    </xf>
    <xf numFmtId="165" fontId="5" fillId="0" borderId="4" xfId="5" applyNumberFormat="1" applyFont="1" applyFill="1" applyBorder="1" applyAlignment="1">
      <alignment horizontal="right" vertical="center"/>
    </xf>
    <xf numFmtId="0"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165" fontId="5" fillId="2" borderId="10" xfId="0" applyNumberFormat="1" applyFont="1" applyFill="1" applyBorder="1" applyAlignment="1">
      <alignment horizontal="right" vertical="center" wrapText="1"/>
    </xf>
    <xf numFmtId="165" fontId="5" fillId="2" borderId="5" xfId="0" applyNumberFormat="1" applyFont="1" applyFill="1" applyBorder="1" applyAlignment="1">
      <alignment horizontal="right"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9" fontId="5" fillId="2" borderId="4" xfId="0" applyNumberFormat="1" applyFont="1" applyFill="1" applyBorder="1" applyAlignment="1">
      <alignment horizontal="center" vertical="center"/>
    </xf>
    <xf numFmtId="165" fontId="4" fillId="0" borderId="8" xfId="5" quotePrefix="1" applyNumberFormat="1" applyFont="1" applyFill="1" applyBorder="1" applyAlignment="1">
      <alignment horizontal="right" vertical="center"/>
    </xf>
    <xf numFmtId="0" fontId="5" fillId="2" borderId="13" xfId="0" applyNumberFormat="1" applyFont="1" applyFill="1" applyBorder="1" applyAlignment="1">
      <alignment horizontal="center" vertical="center"/>
    </xf>
    <xf numFmtId="165" fontId="5" fillId="0" borderId="10" xfId="0" applyNumberFormat="1" applyFont="1" applyFill="1" applyBorder="1" applyAlignment="1">
      <alignment horizontal="right" vertical="center"/>
    </xf>
    <xf numFmtId="165" fontId="5" fillId="0" borderId="5" xfId="0" applyNumberFormat="1" applyFont="1" applyFill="1" applyBorder="1" applyAlignment="1">
      <alignment horizontal="right"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165" fontId="4" fillId="0" borderId="8" xfId="5" applyNumberFormat="1" applyFont="1" applyBorder="1" applyAlignment="1">
      <alignment horizontal="right" vertical="center" wrapText="1"/>
    </xf>
    <xf numFmtId="165" fontId="4" fillId="0" borderId="3" xfId="5" applyNumberFormat="1" applyFont="1" applyBorder="1" applyAlignment="1">
      <alignment horizontal="right" vertical="center" wrapText="1"/>
    </xf>
    <xf numFmtId="165" fontId="5" fillId="2" borderId="15" xfId="1" applyNumberFormat="1" applyFont="1" applyFill="1" applyBorder="1" applyAlignment="1">
      <alignment horizontal="right" vertical="center"/>
    </xf>
    <xf numFmtId="165" fontId="5" fillId="0" borderId="10" xfId="1" applyNumberFormat="1" applyFont="1" applyFill="1" applyBorder="1" applyAlignment="1">
      <alignment horizontal="center" vertical="center" wrapText="1"/>
    </xf>
    <xf numFmtId="165" fontId="5" fillId="0" borderId="9" xfId="1" applyNumberFormat="1" applyFont="1" applyFill="1" applyBorder="1" applyAlignment="1">
      <alignment horizontal="center" vertical="center" wrapText="1"/>
    </xf>
    <xf numFmtId="0" fontId="5" fillId="0" borderId="0" xfId="1" applyNumberFormat="1" applyFont="1" applyFill="1" applyAlignment="1">
      <alignment horizontal="center" vertical="center"/>
    </xf>
    <xf numFmtId="0" fontId="5" fillId="2" borderId="5" xfId="1" applyFont="1" applyFill="1" applyBorder="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0" fontId="5" fillId="2" borderId="11" xfId="1" applyFont="1" applyFill="1" applyBorder="1" applyAlignment="1">
      <alignment horizontal="center"/>
    </xf>
    <xf numFmtId="0" fontId="5" fillId="2" borderId="6" xfId="1" applyFont="1" applyFill="1" applyBorder="1" applyAlignment="1">
      <alignment horizontal="center"/>
    </xf>
    <xf numFmtId="0" fontId="5" fillId="2" borderId="3"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6" xfId="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4" fillId="0" borderId="1" xfId="1" applyNumberFormat="1" applyFont="1" applyFill="1" applyBorder="1" applyAlignment="1">
      <alignment horizontal="center" vertical="center"/>
    </xf>
    <xf numFmtId="165" fontId="4" fillId="0" borderId="7"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8" xfId="5" applyNumberFormat="1" applyFont="1" applyBorder="1" applyAlignment="1">
      <alignment horizontal="right" vertical="center" wrapText="1"/>
    </xf>
    <xf numFmtId="165" fontId="5" fillId="0" borderId="3" xfId="5" applyNumberFormat="1" applyFont="1" applyBorder="1" applyAlignment="1">
      <alignment horizontal="right" vertical="center" wrapText="1"/>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5" fillId="0" borderId="11" xfId="5" applyNumberFormat="1" applyFont="1" applyBorder="1" applyAlignment="1">
      <alignment horizontal="right" vertical="center" wrapText="1"/>
    </xf>
    <xf numFmtId="165" fontId="5" fillId="0" borderId="6" xfId="5" applyNumberFormat="1" applyFont="1" applyBorder="1" applyAlignment="1">
      <alignment horizontal="right" vertical="center" wrapText="1"/>
    </xf>
    <xf numFmtId="165" fontId="5" fillId="0" borderId="10" xfId="1" applyNumberFormat="1" applyFont="1" applyFill="1" applyBorder="1" applyAlignment="1">
      <alignment horizontal="right" vertical="center"/>
    </xf>
    <xf numFmtId="165" fontId="5" fillId="0" borderId="9" xfId="1" applyNumberFormat="1" applyFont="1" applyFill="1" applyBorder="1" applyAlignment="1">
      <alignment horizontal="right" vertical="center"/>
    </xf>
    <xf numFmtId="165" fontId="0" fillId="0" borderId="3" xfId="0" applyNumberFormat="1" applyBorder="1"/>
    <xf numFmtId="165" fontId="5" fillId="0" borderId="11" xfId="1" applyNumberFormat="1" applyFont="1" applyFill="1" applyBorder="1" applyAlignment="1">
      <alignment horizontal="center" vertical="center"/>
    </xf>
    <xf numFmtId="165" fontId="5" fillId="0" borderId="6" xfId="1" applyNumberFormat="1" applyFont="1" applyFill="1" applyBorder="1" applyAlignment="1">
      <alignment horizontal="center"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4" fillId="0" borderId="0" xfId="0" applyFont="1" applyFill="1" applyBorder="1" applyAlignment="1">
      <alignment horizontal="left" vertical="center" wrapText="1"/>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11" fillId="0" borderId="0" xfId="1" applyFont="1" applyFill="1" applyAlignment="1">
      <alignment horizontal="left" vertical="center" wrapText="1"/>
    </xf>
    <xf numFmtId="0" fontId="11"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4" fillId="0" borderId="0" xfId="1" applyFont="1" applyBorder="1" applyAlignment="1">
      <alignment horizontal="left" vertical="center"/>
    </xf>
    <xf numFmtId="0" fontId="4" fillId="0" borderId="3" xfId="1" applyFont="1" applyBorder="1" applyAlignment="1">
      <alignment horizontal="left" vertical="center"/>
    </xf>
    <xf numFmtId="0" fontId="5" fillId="0" borderId="6" xfId="1" applyFont="1" applyFill="1" applyBorder="1" applyAlignment="1">
      <alignment horizontal="left" vertical="center"/>
    </xf>
    <xf numFmtId="0" fontId="5" fillId="2" borderId="11"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1" xfId="1" applyFont="1" applyFill="1" applyBorder="1" applyAlignment="1">
      <alignment horizontal="center" vertical="center" wrapText="1"/>
    </xf>
    <xf numFmtId="0" fontId="5" fillId="2" borderId="7" xfId="1" applyFont="1" applyFill="1" applyBorder="1" applyAlignment="1">
      <alignment horizontal="center" vertical="center" wrapText="1"/>
    </xf>
    <xf numFmtId="165" fontId="5" fillId="0" borderId="1" xfId="5" applyNumberFormat="1" applyFont="1" applyFill="1" applyBorder="1" applyAlignment="1">
      <alignment horizontal="right" vertical="center"/>
    </xf>
    <xf numFmtId="165" fontId="5" fillId="0" borderId="7" xfId="5" applyNumberFormat="1" applyFont="1" applyFill="1" applyBorder="1" applyAlignment="1">
      <alignment horizontal="right"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0" fontId="5" fillId="0" borderId="7" xfId="1" applyFont="1" applyBorder="1" applyAlignment="1">
      <alignment horizontal="left" vertical="center"/>
    </xf>
    <xf numFmtId="0" fontId="5" fillId="0" borderId="12" xfId="1" applyFont="1" applyBorder="1" applyAlignment="1">
      <alignment horizontal="left" vertical="center"/>
    </xf>
    <xf numFmtId="165" fontId="5" fillId="2" borderId="10" xfId="1" applyNumberFormat="1" applyFont="1" applyFill="1" applyBorder="1" applyAlignment="1">
      <alignment horizontal="center" vertical="center"/>
    </xf>
    <xf numFmtId="165" fontId="5" fillId="2" borderId="9" xfId="1" applyNumberFormat="1" applyFont="1" applyFill="1" applyBorder="1" applyAlignment="1">
      <alignment horizontal="center" vertical="center"/>
    </xf>
    <xf numFmtId="165" fontId="5" fillId="0" borderId="1" xfId="1" applyNumberFormat="1" applyFont="1" applyFill="1" applyBorder="1" applyAlignment="1">
      <alignment horizontal="center" vertical="center"/>
    </xf>
    <xf numFmtId="165" fontId="5" fillId="0" borderId="12" xfId="1" applyNumberFormat="1" applyFont="1" applyFill="1" applyBorder="1" applyAlignment="1">
      <alignment horizontal="center" vertical="center"/>
    </xf>
    <xf numFmtId="165" fontId="0" fillId="0" borderId="12" xfId="0" applyNumberFormat="1" applyBorder="1"/>
    <xf numFmtId="0" fontId="4" fillId="0" borderId="7" xfId="1" applyFont="1" applyFill="1" applyBorder="1" applyAlignment="1">
      <alignment horizontal="left" vertical="center"/>
    </xf>
    <xf numFmtId="165" fontId="5" fillId="0" borderId="0" xfId="5" applyNumberFormat="1" applyFont="1" applyFill="1" applyAlignment="1">
      <alignment horizontal="right" vertical="center"/>
    </xf>
    <xf numFmtId="165" fontId="5" fillId="2" borderId="10" xfId="5" applyNumberFormat="1" applyFont="1" applyFill="1" applyBorder="1" applyAlignment="1">
      <alignment horizontal="right" vertical="center" wrapText="1"/>
    </xf>
    <xf numFmtId="165" fontId="5" fillId="2" borderId="5" xfId="5" applyNumberFormat="1" applyFont="1" applyFill="1" applyBorder="1" applyAlignment="1">
      <alignment horizontal="right" vertical="center" wrapText="1"/>
    </xf>
    <xf numFmtId="165" fontId="5" fillId="0" borderId="0" xfId="5" applyNumberFormat="1" applyFont="1" applyFill="1" applyAlignment="1">
      <alignment horizontal="center" vertical="center"/>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0" fontId="5" fillId="2" borderId="5" xfId="1" applyFont="1" applyFill="1" applyBorder="1" applyAlignment="1">
      <alignment horizontal="left" vertical="center" wrapText="1"/>
    </xf>
    <xf numFmtId="165" fontId="4" fillId="0" borderId="1" xfId="5" applyNumberFormat="1" applyFont="1" applyFill="1" applyBorder="1" applyAlignment="1">
      <alignment horizontal="right" vertical="center"/>
    </xf>
    <xf numFmtId="165" fontId="4" fillId="0" borderId="7" xfId="5" applyNumberFormat="1" applyFont="1" applyFill="1" applyBorder="1" applyAlignment="1">
      <alignment horizontal="right" vertical="center"/>
    </xf>
    <xf numFmtId="165" fontId="4" fillId="0" borderId="12" xfId="5" applyNumberFormat="1" applyFont="1" applyFill="1" applyBorder="1" applyAlignment="1">
      <alignment horizontal="right" vertical="center"/>
    </xf>
    <xf numFmtId="0" fontId="5" fillId="0" borderId="0" xfId="1" applyFont="1" applyBorder="1" applyAlignment="1">
      <alignment horizontal="left" vertical="center" wrapText="1"/>
    </xf>
    <xf numFmtId="165" fontId="4" fillId="0" borderId="8" xfId="5" applyNumberFormat="1" applyFont="1" applyFill="1" applyBorder="1" applyAlignment="1">
      <alignment horizontal="right" vertical="center" wrapText="1"/>
    </xf>
    <xf numFmtId="165" fontId="4" fillId="0" borderId="3" xfId="5" applyNumberFormat="1" applyFont="1" applyFill="1" applyBorder="1" applyAlignment="1">
      <alignment horizontal="right" vertical="center" wrapText="1"/>
    </xf>
    <xf numFmtId="165" fontId="5" fillId="2" borderId="9" xfId="5" applyNumberFormat="1" applyFont="1" applyFill="1" applyBorder="1" applyAlignment="1">
      <alignment horizontal="right" vertical="center" wrapText="1"/>
    </xf>
    <xf numFmtId="0" fontId="5" fillId="0" borderId="3" xfId="1" applyFont="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165" fontId="4" fillId="0" borderId="8" xfId="1" applyNumberFormat="1" applyFont="1" applyFill="1" applyBorder="1" applyAlignment="1">
      <alignment horizontal="right" vertical="center"/>
    </xf>
    <xf numFmtId="165" fontId="4" fillId="0" borderId="0" xfId="1" applyNumberFormat="1" applyFont="1" applyFill="1" applyBorder="1" applyAlignment="1">
      <alignment horizontal="right" vertical="center"/>
    </xf>
    <xf numFmtId="165" fontId="4" fillId="0" borderId="1" xfId="1" applyNumberFormat="1" applyFont="1" applyFill="1" applyBorder="1" applyAlignment="1">
      <alignment horizontal="right" vertical="center"/>
    </xf>
    <xf numFmtId="165" fontId="4" fillId="0" borderId="7" xfId="1" applyNumberFormat="1" applyFont="1" applyFill="1" applyBorder="1" applyAlignment="1">
      <alignment horizontal="right" vertical="center"/>
    </xf>
    <xf numFmtId="165" fontId="5" fillId="0" borderId="11" xfId="1" applyNumberFormat="1" applyFont="1" applyFill="1" applyBorder="1" applyAlignment="1">
      <alignment horizontal="right" vertical="center"/>
    </xf>
    <xf numFmtId="165" fontId="5" fillId="0" borderId="4" xfId="1" applyNumberFormat="1" applyFont="1" applyFill="1" applyBorder="1" applyAlignment="1">
      <alignment horizontal="right" vertical="center"/>
    </xf>
    <xf numFmtId="165" fontId="5" fillId="0" borderId="1" xfId="1" applyNumberFormat="1" applyFont="1" applyFill="1" applyBorder="1" applyAlignment="1">
      <alignment horizontal="right" vertical="center"/>
    </xf>
    <xf numFmtId="165" fontId="5" fillId="0" borderId="7" xfId="1" applyNumberFormat="1" applyFont="1" applyFill="1" applyBorder="1" applyAlignment="1">
      <alignment horizontal="right" vertical="center"/>
    </xf>
    <xf numFmtId="0" fontId="5" fillId="0" borderId="4" xfId="1" applyFont="1" applyBorder="1" applyAlignment="1">
      <alignment horizontal="left" vertical="center"/>
    </xf>
    <xf numFmtId="0" fontId="5" fillId="0" borderId="6" xfId="1" applyFont="1" applyBorder="1" applyAlignment="1">
      <alignment horizontal="left" vertical="center"/>
    </xf>
    <xf numFmtId="165" fontId="5" fillId="2" borderId="10" xfId="1" applyNumberFormat="1" applyFont="1" applyFill="1" applyBorder="1" applyAlignment="1">
      <alignment horizontal="right" vertical="center"/>
    </xf>
    <xf numFmtId="165" fontId="5" fillId="2" borderId="5" xfId="1" applyNumberFormat="1" applyFont="1" applyFill="1" applyBorder="1" applyAlignment="1">
      <alignment horizontal="right" vertical="center"/>
    </xf>
    <xf numFmtId="165" fontId="5" fillId="0" borderId="4" xfId="1" applyNumberFormat="1" applyFont="1" applyFill="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5" fillId="2" borderId="9" xfId="1" applyFont="1" applyFill="1" applyBorder="1" applyAlignment="1">
      <alignment horizontal="center"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7" xfId="1" applyFont="1" applyFill="1" applyBorder="1" applyAlignment="1">
      <alignment horizontal="center" vertical="top"/>
    </xf>
    <xf numFmtId="0" fontId="5" fillId="2" borderId="2" xfId="1" applyFont="1" applyFill="1" applyBorder="1" applyAlignment="1">
      <alignment horizontal="center" vertical="center" wrapText="1"/>
    </xf>
    <xf numFmtId="165" fontId="5" fillId="0" borderId="0" xfId="1" applyNumberFormat="1" applyFont="1" applyFill="1" applyBorder="1" applyAlignment="1">
      <alignment horizontal="center" vertical="center"/>
    </xf>
    <xf numFmtId="165" fontId="5" fillId="0" borderId="7"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43" fontId="4" fillId="0" borderId="5" xfId="1" applyNumberFormat="1" applyFont="1" applyFill="1" applyBorder="1" applyAlignment="1">
      <alignment vertical="center"/>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165" fontId="5" fillId="2" borderId="5" xfId="1" applyNumberFormat="1" applyFont="1" applyFill="1" applyBorder="1" applyAlignment="1">
      <alignment vertical="center"/>
    </xf>
    <xf numFmtId="165" fontId="4" fillId="0" borderId="1" xfId="1" applyNumberFormat="1" applyFont="1" applyBorder="1" applyAlignment="1">
      <alignment horizontal="center" vertical="center"/>
    </xf>
    <xf numFmtId="165" fontId="4" fillId="0" borderId="7" xfId="1" applyNumberFormat="1" applyFont="1" applyBorder="1" applyAlignment="1">
      <alignment horizontal="center" vertical="center"/>
    </xf>
    <xf numFmtId="165" fontId="5" fillId="3" borderId="1" xfId="1" applyNumberFormat="1" applyFont="1" applyFill="1" applyBorder="1" applyAlignment="1">
      <alignment horizontal="center" vertical="center" wrapText="1"/>
    </xf>
    <xf numFmtId="165" fontId="5" fillId="3" borderId="12" xfId="1" applyNumberFormat="1" applyFont="1" applyFill="1" applyBorder="1" applyAlignment="1">
      <alignment horizontal="center" vertical="center" wrapText="1"/>
    </xf>
    <xf numFmtId="165" fontId="5" fillId="2" borderId="10" xfId="1" applyNumberFormat="1" applyFont="1" applyFill="1" applyBorder="1" applyAlignment="1">
      <alignment horizontal="center" vertical="center" wrapText="1"/>
    </xf>
    <xf numFmtId="165" fontId="5" fillId="2" borderId="9" xfId="1" applyNumberFormat="1" applyFont="1" applyFill="1" applyBorder="1" applyAlignment="1">
      <alignment horizontal="center" vertical="center" wrapText="1"/>
    </xf>
    <xf numFmtId="0" fontId="5" fillId="2" borderId="9" xfId="1" applyFont="1" applyFill="1" applyBorder="1" applyAlignment="1">
      <alignment horizontal="left" vertical="center" wrapText="1"/>
    </xf>
    <xf numFmtId="165" fontId="5" fillId="3" borderId="8" xfId="1" applyNumberFormat="1" applyFont="1" applyFill="1" applyBorder="1" applyAlignment="1">
      <alignment horizontal="center" vertical="center" wrapText="1"/>
    </xf>
    <xf numFmtId="165" fontId="5" fillId="3" borderId="3" xfId="1" applyNumberFormat="1" applyFont="1" applyFill="1" applyBorder="1" applyAlignment="1">
      <alignment horizontal="center" vertical="center" wrapText="1"/>
    </xf>
    <xf numFmtId="165" fontId="4" fillId="0" borderId="8" xfId="1" applyNumberFormat="1" applyFont="1" applyBorder="1" applyAlignment="1">
      <alignment horizontal="center" vertical="center"/>
    </xf>
    <xf numFmtId="165" fontId="4" fillId="0" borderId="0" xfId="1" applyNumberFormat="1" applyFont="1" applyBorder="1" applyAlignment="1">
      <alignment horizontal="center" vertical="center"/>
    </xf>
    <xf numFmtId="0" fontId="5" fillId="2" borderId="10" xfId="1" applyFont="1" applyFill="1" applyBorder="1" applyAlignment="1">
      <alignment horizontal="center" vertical="center" wrapText="1"/>
    </xf>
    <xf numFmtId="0" fontId="5" fillId="2" borderId="9" xfId="1" applyFont="1" applyFill="1" applyBorder="1" applyAlignment="1">
      <alignment horizontal="center" vertical="center" wrapText="1"/>
    </xf>
    <xf numFmtId="165" fontId="5" fillId="3" borderId="11" xfId="1" applyNumberFormat="1" applyFont="1" applyFill="1" applyBorder="1" applyAlignment="1">
      <alignment horizontal="center" vertical="center" wrapText="1"/>
    </xf>
    <xf numFmtId="165" fontId="5" fillId="3" borderId="6" xfId="1" applyNumberFormat="1" applyFont="1" applyFill="1" applyBorder="1" applyAlignment="1">
      <alignment horizontal="center" vertical="center" wrapText="1"/>
    </xf>
    <xf numFmtId="165" fontId="4" fillId="0" borderId="11" xfId="1" applyNumberFormat="1" applyFont="1" applyBorder="1" applyAlignment="1">
      <alignment horizontal="center" vertical="center"/>
    </xf>
    <xf numFmtId="165" fontId="4" fillId="0" borderId="4" xfId="1" applyNumberFormat="1" applyFont="1" applyBorder="1" applyAlignment="1">
      <alignment horizontal="center" vertical="center"/>
    </xf>
    <xf numFmtId="0" fontId="5" fillId="0" borderId="0" xfId="1" applyNumberFormat="1" applyFont="1" applyAlignment="1">
      <alignment horizontal="center" vertical="center" wrapText="1"/>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164"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165" fontId="5" fillId="0" borderId="11" xfId="0" applyNumberFormat="1" applyFont="1" applyFill="1" applyBorder="1" applyAlignment="1">
      <alignment horizontal="left" vertical="center"/>
    </xf>
    <xf numFmtId="165" fontId="5" fillId="0" borderId="4" xfId="0" applyNumberFormat="1" applyFont="1" applyFill="1" applyBorder="1" applyAlignment="1">
      <alignment horizontal="left" vertical="center"/>
    </xf>
    <xf numFmtId="165" fontId="5" fillId="0" borderId="6" xfId="0" applyNumberFormat="1" applyFont="1" applyFill="1" applyBorder="1" applyAlignment="1">
      <alignment horizontal="left" vertical="center"/>
    </xf>
    <xf numFmtId="165" fontId="4" fillId="0" borderId="8" xfId="0" applyNumberFormat="1" applyFont="1" applyFill="1" applyBorder="1" applyAlignment="1">
      <alignment horizontal="left" vertical="center"/>
    </xf>
    <xf numFmtId="165" fontId="4" fillId="0" borderId="0" xfId="0" applyNumberFormat="1" applyFont="1" applyFill="1" applyAlignment="1">
      <alignment horizontal="left" vertical="center"/>
    </xf>
    <xf numFmtId="165" fontId="4" fillId="0" borderId="3" xfId="0" applyNumberFormat="1" applyFont="1" applyFill="1" applyBorder="1" applyAlignment="1">
      <alignment horizontal="left" vertical="center"/>
    </xf>
    <xf numFmtId="165" fontId="4" fillId="0" borderId="0" xfId="0" applyNumberFormat="1" applyFont="1" applyFill="1" applyBorder="1" applyAlignment="1">
      <alignment horizontal="left" vertical="center"/>
    </xf>
    <xf numFmtId="165" fontId="4" fillId="0" borderId="1" xfId="0" applyNumberFormat="1" applyFont="1" applyFill="1" applyBorder="1" applyAlignment="1">
      <alignment horizontal="left" vertical="center"/>
    </xf>
    <xf numFmtId="165" fontId="4" fillId="0" borderId="7" xfId="0" applyNumberFormat="1" applyFont="1" applyFill="1" applyBorder="1" applyAlignment="1">
      <alignment horizontal="left" vertical="center"/>
    </xf>
    <xf numFmtId="165" fontId="4" fillId="0" borderId="12" xfId="0" applyNumberFormat="1" applyFont="1" applyFill="1" applyBorder="1" applyAlignment="1">
      <alignment horizontal="left" vertical="center"/>
    </xf>
    <xf numFmtId="165" fontId="5" fillId="2" borderId="10" xfId="0" applyNumberFormat="1" applyFont="1" applyFill="1" applyBorder="1" applyAlignment="1">
      <alignment horizontal="left" vertical="center"/>
    </xf>
    <xf numFmtId="165" fontId="5" fillId="2" borderId="5" xfId="0" applyNumberFormat="1" applyFont="1" applyFill="1" applyBorder="1" applyAlignment="1">
      <alignment horizontal="left" vertical="center"/>
    </xf>
    <xf numFmtId="165" fontId="5" fillId="2" borderId="9" xfId="0" applyNumberFormat="1" applyFont="1" applyFill="1" applyBorder="1" applyAlignment="1">
      <alignment horizontal="left" vertical="center"/>
    </xf>
    <xf numFmtId="165" fontId="4" fillId="0" borderId="11" xfId="0" applyNumberFormat="1" applyFont="1" applyFill="1" applyBorder="1" applyAlignment="1">
      <alignment horizontal="left" vertical="center"/>
    </xf>
    <xf numFmtId="165" fontId="4" fillId="0" borderId="4" xfId="0" applyNumberFormat="1" applyFont="1" applyFill="1" applyBorder="1" applyAlignment="1">
      <alignment horizontal="left" vertical="center"/>
    </xf>
    <xf numFmtId="165" fontId="4" fillId="0" borderId="6" xfId="0" applyNumberFormat="1" applyFont="1" applyFill="1" applyBorder="1" applyAlignment="1">
      <alignment horizontal="left"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4" fillId="0" borderId="1"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xf numFmtId="165" fontId="5" fillId="0" borderId="8" xfId="0" applyNumberFormat="1" applyFont="1" applyFill="1" applyBorder="1" applyAlignment="1">
      <alignment horizontal="center" vertical="center"/>
    </xf>
    <xf numFmtId="165" fontId="5" fillId="0" borderId="0"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wrapText="1"/>
    </xf>
    <xf numFmtId="165" fontId="4" fillId="0" borderId="4" xfId="0" applyNumberFormat="1" applyFont="1" applyFill="1" applyBorder="1" applyAlignment="1">
      <alignment horizontal="center" vertical="center" wrapText="1"/>
    </xf>
    <xf numFmtId="165" fontId="4" fillId="0" borderId="11" xfId="0" applyNumberFormat="1" applyFont="1" applyFill="1" applyBorder="1" applyAlignment="1">
      <alignment horizontal="center" vertical="center"/>
    </xf>
    <xf numFmtId="165" fontId="4" fillId="0" borderId="4" xfId="0" applyNumberFormat="1" applyFont="1" applyFill="1" applyBorder="1" applyAlignment="1">
      <alignment horizontal="center" vertical="center"/>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1237839</xdr:colOff>
      <xdr:row>128</xdr:row>
      <xdr:rowOff>0</xdr:rowOff>
    </xdr:from>
    <xdr:to>
      <xdr:col>1</xdr:col>
      <xdr:colOff>674759</xdr:colOff>
      <xdr:row>132</xdr:row>
      <xdr:rowOff>22225</xdr:rowOff>
    </xdr:to>
    <xdr:sp macro="" textlink="">
      <xdr:nvSpPr>
        <xdr:cNvPr id="6" name="CaixaDeTexto 5"/>
        <xdr:cNvSpPr txBox="1"/>
      </xdr:nvSpPr>
      <xdr:spPr>
        <a:xfrm>
          <a:off x="1237839" y="22374225"/>
          <a:ext cx="3265970"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504140</xdr:colOff>
      <xdr:row>128</xdr:row>
      <xdr:rowOff>0</xdr:rowOff>
    </xdr:from>
    <xdr:to>
      <xdr:col>5</xdr:col>
      <xdr:colOff>993775</xdr:colOff>
      <xdr:row>132</xdr:row>
      <xdr:rowOff>22225</xdr:rowOff>
    </xdr:to>
    <xdr:sp macro="" textlink="">
      <xdr:nvSpPr>
        <xdr:cNvPr id="7" name="CaixaDeTexto 6"/>
        <xdr:cNvSpPr txBox="1"/>
      </xdr:nvSpPr>
      <xdr:spPr>
        <a:xfrm>
          <a:off x="7182223" y="16869833"/>
          <a:ext cx="3135469" cy="6148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403915</xdr:colOff>
      <xdr:row>128</xdr:row>
      <xdr:rowOff>0</xdr:rowOff>
    </xdr:from>
    <xdr:to>
      <xdr:col>11</xdr:col>
      <xdr:colOff>382671</xdr:colOff>
      <xdr:row>132</xdr:row>
      <xdr:rowOff>62764</xdr:rowOff>
    </xdr:to>
    <xdr:sp macro="" textlink="">
      <xdr:nvSpPr>
        <xdr:cNvPr id="8" name="CaixaDeTexto 7"/>
        <xdr:cNvSpPr txBox="1"/>
      </xdr:nvSpPr>
      <xdr:spPr>
        <a:xfrm>
          <a:off x="13781248" y="16869833"/>
          <a:ext cx="3566506" cy="6554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3</xdr:col>
      <xdr:colOff>711203</xdr:colOff>
      <xdr:row>93</xdr:row>
      <xdr:rowOff>0</xdr:rowOff>
    </xdr:from>
    <xdr:to>
      <xdr:col>6</xdr:col>
      <xdr:colOff>698502</xdr:colOff>
      <xdr:row>93</xdr:row>
      <xdr:rowOff>12700</xdr:rowOff>
    </xdr:to>
    <xdr:sp macro="" textlink="">
      <xdr:nvSpPr>
        <xdr:cNvPr id="5" name="CaixaDeTexto 4"/>
        <xdr:cNvSpPr txBox="1"/>
      </xdr:nvSpPr>
      <xdr:spPr>
        <a:xfrm>
          <a:off x="6911978" y="14884400"/>
          <a:ext cx="3282949"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331449</xdr:colOff>
      <xdr:row>98</xdr:row>
      <xdr:rowOff>0</xdr:rowOff>
    </xdr:from>
    <xdr:to>
      <xdr:col>0</xdr:col>
      <xdr:colOff>2581275</xdr:colOff>
      <xdr:row>102</xdr:row>
      <xdr:rowOff>22225</xdr:rowOff>
    </xdr:to>
    <xdr:sp macro="" textlink="">
      <xdr:nvSpPr>
        <xdr:cNvPr id="7" name="CaixaDeTexto 6"/>
        <xdr:cNvSpPr txBox="1"/>
      </xdr:nvSpPr>
      <xdr:spPr>
        <a:xfrm>
          <a:off x="331449" y="14373225"/>
          <a:ext cx="22498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67590</xdr:colOff>
      <xdr:row>98</xdr:row>
      <xdr:rowOff>0</xdr:rowOff>
    </xdr:from>
    <xdr:to>
      <xdr:col>3</xdr:col>
      <xdr:colOff>304800</xdr:colOff>
      <xdr:row>102</xdr:row>
      <xdr:rowOff>22225</xdr:rowOff>
    </xdr:to>
    <xdr:sp macro="" textlink="">
      <xdr:nvSpPr>
        <xdr:cNvPr id="8" name="CaixaDeTexto 7"/>
        <xdr:cNvSpPr txBox="1"/>
      </xdr:nvSpPr>
      <xdr:spPr>
        <a:xfrm>
          <a:off x="3949015" y="14373225"/>
          <a:ext cx="26899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27761</xdr:colOff>
      <xdr:row>98</xdr:row>
      <xdr:rowOff>0</xdr:rowOff>
    </xdr:from>
    <xdr:to>
      <xdr:col>6</xdr:col>
      <xdr:colOff>1095375</xdr:colOff>
      <xdr:row>102</xdr:row>
      <xdr:rowOff>62764</xdr:rowOff>
    </xdr:to>
    <xdr:sp macro="" textlink="">
      <xdr:nvSpPr>
        <xdr:cNvPr id="9" name="CaixaDeTexto 8"/>
        <xdr:cNvSpPr txBox="1"/>
      </xdr:nvSpPr>
      <xdr:spPr>
        <a:xfrm>
          <a:off x="7704911" y="14363700"/>
          <a:ext cx="32583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45015</xdr:colOff>
      <xdr:row>191</xdr:row>
      <xdr:rowOff>0</xdr:rowOff>
    </xdr:from>
    <xdr:to>
      <xdr:col>0</xdr:col>
      <xdr:colOff>3093063</xdr:colOff>
      <xdr:row>195</xdr:row>
      <xdr:rowOff>22225</xdr:rowOff>
    </xdr:to>
    <xdr:sp macro="" textlink="">
      <xdr:nvSpPr>
        <xdr:cNvPr id="7" name="CaixaDeTexto 6"/>
        <xdr:cNvSpPr txBox="1"/>
      </xdr:nvSpPr>
      <xdr:spPr>
        <a:xfrm>
          <a:off x="745015" y="33470645"/>
          <a:ext cx="2348048"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4703852</xdr:colOff>
      <xdr:row>191</xdr:row>
      <xdr:rowOff>0</xdr:rowOff>
    </xdr:from>
    <xdr:to>
      <xdr:col>2</xdr:col>
      <xdr:colOff>644020</xdr:colOff>
      <xdr:row>195</xdr:row>
      <xdr:rowOff>22225</xdr:rowOff>
    </xdr:to>
    <xdr:sp macro="" textlink="">
      <xdr:nvSpPr>
        <xdr:cNvPr id="8" name="CaixaDeTexto 7"/>
        <xdr:cNvSpPr txBox="1"/>
      </xdr:nvSpPr>
      <xdr:spPr>
        <a:xfrm>
          <a:off x="4703852" y="33470645"/>
          <a:ext cx="2535974"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348231</xdr:colOff>
      <xdr:row>191</xdr:row>
      <xdr:rowOff>0</xdr:rowOff>
    </xdr:from>
    <xdr:to>
      <xdr:col>7</xdr:col>
      <xdr:colOff>295695</xdr:colOff>
      <xdr:row>195</xdr:row>
      <xdr:rowOff>62764</xdr:rowOff>
    </xdr:to>
    <xdr:sp macro="" textlink="">
      <xdr:nvSpPr>
        <xdr:cNvPr id="9" name="CaixaDeTexto 8"/>
        <xdr:cNvSpPr txBox="1"/>
      </xdr:nvSpPr>
      <xdr:spPr>
        <a:xfrm>
          <a:off x="9535247" y="33245323"/>
          <a:ext cx="3327303" cy="63631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531473</xdr:colOff>
      <xdr:row>132</xdr:row>
      <xdr:rowOff>0</xdr:rowOff>
    </xdr:from>
    <xdr:to>
      <xdr:col>0</xdr:col>
      <xdr:colOff>2924175</xdr:colOff>
      <xdr:row>136</xdr:row>
      <xdr:rowOff>22225</xdr:rowOff>
    </xdr:to>
    <xdr:sp macro="" textlink="">
      <xdr:nvSpPr>
        <xdr:cNvPr id="6" name="CaixaDeTexto 5"/>
        <xdr:cNvSpPr txBox="1"/>
      </xdr:nvSpPr>
      <xdr:spPr>
        <a:xfrm>
          <a:off x="531473" y="22488525"/>
          <a:ext cx="23927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43815</xdr:colOff>
      <xdr:row>132</xdr:row>
      <xdr:rowOff>0</xdr:rowOff>
    </xdr:from>
    <xdr:to>
      <xdr:col>3</xdr:col>
      <xdr:colOff>495300</xdr:colOff>
      <xdr:row>136</xdr:row>
      <xdr:rowOff>22225</xdr:rowOff>
    </xdr:to>
    <xdr:sp macro="" textlink="">
      <xdr:nvSpPr>
        <xdr:cNvPr id="7" name="CaixaDeTexto 6"/>
        <xdr:cNvSpPr txBox="1"/>
      </xdr:nvSpPr>
      <xdr:spPr>
        <a:xfrm>
          <a:off x="4653865" y="22488525"/>
          <a:ext cx="2623235"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923111</xdr:colOff>
      <xdr:row>132</xdr:row>
      <xdr:rowOff>0</xdr:rowOff>
    </xdr:from>
    <xdr:to>
      <xdr:col>7</xdr:col>
      <xdr:colOff>495300</xdr:colOff>
      <xdr:row>136</xdr:row>
      <xdr:rowOff>62764</xdr:rowOff>
    </xdr:to>
    <xdr:sp macro="" textlink="">
      <xdr:nvSpPr>
        <xdr:cNvPr id="8" name="CaixaDeTexto 7"/>
        <xdr:cNvSpPr txBox="1"/>
      </xdr:nvSpPr>
      <xdr:spPr>
        <a:xfrm>
          <a:off x="8971736" y="22488525"/>
          <a:ext cx="31821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98098</xdr:colOff>
      <xdr:row>52</xdr:row>
      <xdr:rowOff>0</xdr:rowOff>
    </xdr:from>
    <xdr:to>
      <xdr:col>0</xdr:col>
      <xdr:colOff>2495550</xdr:colOff>
      <xdr:row>56</xdr:row>
      <xdr:rowOff>22225</xdr:rowOff>
    </xdr:to>
    <xdr:sp macro="" textlink="">
      <xdr:nvSpPr>
        <xdr:cNvPr id="6" name="CaixaDeTexto 5"/>
        <xdr:cNvSpPr txBox="1"/>
      </xdr:nvSpPr>
      <xdr:spPr>
        <a:xfrm>
          <a:off x="198098" y="7696200"/>
          <a:ext cx="229745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253690</xdr:colOff>
      <xdr:row>52</xdr:row>
      <xdr:rowOff>0</xdr:rowOff>
    </xdr:from>
    <xdr:to>
      <xdr:col>3</xdr:col>
      <xdr:colOff>180975</xdr:colOff>
      <xdr:row>56</xdr:row>
      <xdr:rowOff>22225</xdr:rowOff>
    </xdr:to>
    <xdr:sp macro="" textlink="">
      <xdr:nvSpPr>
        <xdr:cNvPr id="7" name="CaixaDeTexto 6"/>
        <xdr:cNvSpPr txBox="1"/>
      </xdr:nvSpPr>
      <xdr:spPr>
        <a:xfrm>
          <a:off x="3253690" y="7696200"/>
          <a:ext cx="24232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70637</xdr:colOff>
      <xdr:row>52</xdr:row>
      <xdr:rowOff>0</xdr:rowOff>
    </xdr:from>
    <xdr:to>
      <xdr:col>11</xdr:col>
      <xdr:colOff>266700</xdr:colOff>
      <xdr:row>56</xdr:row>
      <xdr:rowOff>62764</xdr:rowOff>
    </xdr:to>
    <xdr:sp macro="" textlink="">
      <xdr:nvSpPr>
        <xdr:cNvPr id="8" name="CaixaDeTexto 7"/>
        <xdr:cNvSpPr txBox="1"/>
      </xdr:nvSpPr>
      <xdr:spPr>
        <a:xfrm>
          <a:off x="6114237" y="7696200"/>
          <a:ext cx="32297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312395</xdr:colOff>
      <xdr:row>101</xdr:row>
      <xdr:rowOff>0</xdr:rowOff>
    </xdr:from>
    <xdr:to>
      <xdr:col>0</xdr:col>
      <xdr:colOff>2585355</xdr:colOff>
      <xdr:row>105</xdr:row>
      <xdr:rowOff>22225</xdr:rowOff>
    </xdr:to>
    <xdr:sp macro="" textlink="">
      <xdr:nvSpPr>
        <xdr:cNvPr id="6" name="CaixaDeTexto 5"/>
        <xdr:cNvSpPr txBox="1"/>
      </xdr:nvSpPr>
      <xdr:spPr>
        <a:xfrm>
          <a:off x="312395" y="16219714"/>
          <a:ext cx="2272960"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4773</xdr:colOff>
      <xdr:row>101</xdr:row>
      <xdr:rowOff>0</xdr:rowOff>
    </xdr:from>
    <xdr:to>
      <xdr:col>4</xdr:col>
      <xdr:colOff>691100</xdr:colOff>
      <xdr:row>105</xdr:row>
      <xdr:rowOff>62764</xdr:rowOff>
    </xdr:to>
    <xdr:sp macro="" textlink="">
      <xdr:nvSpPr>
        <xdr:cNvPr id="8" name="CaixaDeTexto 7"/>
        <xdr:cNvSpPr txBox="1"/>
      </xdr:nvSpPr>
      <xdr:spPr>
        <a:xfrm>
          <a:off x="8110548" y="15630525"/>
          <a:ext cx="3115202"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4072837</xdr:colOff>
      <xdr:row>101</xdr:row>
      <xdr:rowOff>19050</xdr:rowOff>
    </xdr:from>
    <xdr:to>
      <xdr:col>1</xdr:col>
      <xdr:colOff>514347</xdr:colOff>
      <xdr:row>105</xdr:row>
      <xdr:rowOff>41275</xdr:rowOff>
    </xdr:to>
    <xdr:sp macro="" textlink="">
      <xdr:nvSpPr>
        <xdr:cNvPr id="9" name="CaixaDeTexto 8"/>
        <xdr:cNvSpPr txBox="1"/>
      </xdr:nvSpPr>
      <xdr:spPr>
        <a:xfrm>
          <a:off x="4072837" y="16238764"/>
          <a:ext cx="2619153"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73705</xdr:colOff>
      <xdr:row>99</xdr:row>
      <xdr:rowOff>0</xdr:rowOff>
    </xdr:from>
    <xdr:to>
      <xdr:col>0</xdr:col>
      <xdr:colOff>3619501</xdr:colOff>
      <xdr:row>103</xdr:row>
      <xdr:rowOff>22225</xdr:rowOff>
    </xdr:to>
    <xdr:sp macro="" textlink="">
      <xdr:nvSpPr>
        <xdr:cNvPr id="6" name="CaixaDeTexto 5"/>
        <xdr:cNvSpPr txBox="1"/>
      </xdr:nvSpPr>
      <xdr:spPr>
        <a:xfrm>
          <a:off x="973705" y="13634357"/>
          <a:ext cx="2645796"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234265</xdr:colOff>
      <xdr:row>99</xdr:row>
      <xdr:rowOff>0</xdr:rowOff>
    </xdr:from>
    <xdr:to>
      <xdr:col>5</xdr:col>
      <xdr:colOff>424543</xdr:colOff>
      <xdr:row>103</xdr:row>
      <xdr:rowOff>22225</xdr:rowOff>
    </xdr:to>
    <xdr:sp macro="" textlink="">
      <xdr:nvSpPr>
        <xdr:cNvPr id="7" name="CaixaDeTexto 6"/>
        <xdr:cNvSpPr txBox="1"/>
      </xdr:nvSpPr>
      <xdr:spPr>
        <a:xfrm>
          <a:off x="6452729" y="13634357"/>
          <a:ext cx="2517100"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7</xdr:col>
      <xdr:colOff>993322</xdr:colOff>
      <xdr:row>99</xdr:row>
      <xdr:rowOff>0</xdr:rowOff>
    </xdr:from>
    <xdr:to>
      <xdr:col>11</xdr:col>
      <xdr:colOff>219622</xdr:colOff>
      <xdr:row>103</xdr:row>
      <xdr:rowOff>62764</xdr:rowOff>
    </xdr:to>
    <xdr:sp macro="" textlink="">
      <xdr:nvSpPr>
        <xdr:cNvPr id="8" name="CaixaDeTexto 7"/>
        <xdr:cNvSpPr txBox="1"/>
      </xdr:nvSpPr>
      <xdr:spPr>
        <a:xfrm>
          <a:off x="11680372" y="13354050"/>
          <a:ext cx="333157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237839</xdr:colOff>
      <xdr:row>186</xdr:row>
      <xdr:rowOff>0</xdr:rowOff>
    </xdr:from>
    <xdr:to>
      <xdr:col>1</xdr:col>
      <xdr:colOff>674759</xdr:colOff>
      <xdr:row>190</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86</xdr:row>
      <xdr:rowOff>0</xdr:rowOff>
    </xdr:from>
    <xdr:to>
      <xdr:col>6</xdr:col>
      <xdr:colOff>152400</xdr:colOff>
      <xdr:row>190</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86</xdr:row>
      <xdr:rowOff>0</xdr:rowOff>
    </xdr:from>
    <xdr:to>
      <xdr:col>11</xdr:col>
      <xdr:colOff>541421</xdr:colOff>
      <xdr:row>190</xdr:row>
      <xdr:rowOff>62764</xdr:rowOff>
    </xdr:to>
    <xdr:sp macro="" textlink="">
      <xdr:nvSpPr>
        <xdr:cNvPr id="9" name="CaixaDeTexto 8"/>
        <xdr:cNvSpPr txBox="1"/>
      </xdr:nvSpPr>
      <xdr:spPr>
        <a:xfrm>
          <a:off x="12106965" y="25174575"/>
          <a:ext cx="3683981"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237839</xdr:colOff>
      <xdr:row>108</xdr:row>
      <xdr:rowOff>0</xdr:rowOff>
    </xdr:from>
    <xdr:to>
      <xdr:col>1</xdr:col>
      <xdr:colOff>674759</xdr:colOff>
      <xdr:row>112</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08</xdr:row>
      <xdr:rowOff>0</xdr:rowOff>
    </xdr:from>
    <xdr:to>
      <xdr:col>6</xdr:col>
      <xdr:colOff>152400</xdr:colOff>
      <xdr:row>112</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08</xdr:row>
      <xdr:rowOff>0</xdr:rowOff>
    </xdr:from>
    <xdr:to>
      <xdr:col>11</xdr:col>
      <xdr:colOff>541421</xdr:colOff>
      <xdr:row>112</xdr:row>
      <xdr:rowOff>62764</xdr:rowOff>
    </xdr:to>
    <xdr:sp macro="" textlink="">
      <xdr:nvSpPr>
        <xdr:cNvPr id="9" name="CaixaDeTexto 8"/>
        <xdr:cNvSpPr txBox="1"/>
      </xdr:nvSpPr>
      <xdr:spPr>
        <a:xfrm>
          <a:off x="11268765" y="14706600"/>
          <a:ext cx="323630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61564</xdr:colOff>
      <xdr:row>79</xdr:row>
      <xdr:rowOff>0</xdr:rowOff>
    </xdr:from>
    <xdr:to>
      <xdr:col>0</xdr:col>
      <xdr:colOff>2932184</xdr:colOff>
      <xdr:row>83</xdr:row>
      <xdr:rowOff>22225</xdr:rowOff>
    </xdr:to>
    <xdr:sp macro="" textlink="">
      <xdr:nvSpPr>
        <xdr:cNvPr id="7" name="CaixaDeTexto 6"/>
        <xdr:cNvSpPr txBox="1"/>
      </xdr:nvSpPr>
      <xdr:spPr>
        <a:xfrm>
          <a:off x="561564" y="10858500"/>
          <a:ext cx="23706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43790</xdr:colOff>
      <xdr:row>79</xdr:row>
      <xdr:rowOff>0</xdr:rowOff>
    </xdr:from>
    <xdr:to>
      <xdr:col>4</xdr:col>
      <xdr:colOff>571500</xdr:colOff>
      <xdr:row>83</xdr:row>
      <xdr:rowOff>22225</xdr:rowOff>
    </xdr:to>
    <xdr:sp macro="" textlink="">
      <xdr:nvSpPr>
        <xdr:cNvPr id="8" name="CaixaDeTexto 7"/>
        <xdr:cNvSpPr txBox="1"/>
      </xdr:nvSpPr>
      <xdr:spPr>
        <a:xfrm>
          <a:off x="4425265" y="10858500"/>
          <a:ext cx="28423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399237</xdr:colOff>
      <xdr:row>79</xdr:row>
      <xdr:rowOff>0</xdr:rowOff>
    </xdr:from>
    <xdr:to>
      <xdr:col>7</xdr:col>
      <xdr:colOff>1095375</xdr:colOff>
      <xdr:row>83</xdr:row>
      <xdr:rowOff>62764</xdr:rowOff>
    </xdr:to>
    <xdr:sp macro="" textlink="">
      <xdr:nvSpPr>
        <xdr:cNvPr id="9" name="CaixaDeTexto 8"/>
        <xdr:cNvSpPr txBox="1"/>
      </xdr:nvSpPr>
      <xdr:spPr>
        <a:xfrm>
          <a:off x="8247837" y="10858500"/>
          <a:ext cx="33059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62182</xdr:colOff>
      <xdr:row>130</xdr:row>
      <xdr:rowOff>0</xdr:rowOff>
    </xdr:from>
    <xdr:to>
      <xdr:col>0</xdr:col>
      <xdr:colOff>3207284</xdr:colOff>
      <xdr:row>134</xdr:row>
      <xdr:rowOff>22225</xdr:rowOff>
    </xdr:to>
    <xdr:sp macro="" textlink="">
      <xdr:nvSpPr>
        <xdr:cNvPr id="7" name="CaixaDeTexto 6"/>
        <xdr:cNvSpPr txBox="1"/>
      </xdr:nvSpPr>
      <xdr:spPr>
        <a:xfrm>
          <a:off x="662182" y="19279518"/>
          <a:ext cx="2545102" cy="5730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72395</xdr:colOff>
      <xdr:row>130</xdr:row>
      <xdr:rowOff>0</xdr:rowOff>
    </xdr:from>
    <xdr:to>
      <xdr:col>3</xdr:col>
      <xdr:colOff>1035815</xdr:colOff>
      <xdr:row>134</xdr:row>
      <xdr:rowOff>22225</xdr:rowOff>
    </xdr:to>
    <xdr:sp macro="" textlink="">
      <xdr:nvSpPr>
        <xdr:cNvPr id="8" name="CaixaDeTexto 7"/>
        <xdr:cNvSpPr txBox="1"/>
      </xdr:nvSpPr>
      <xdr:spPr>
        <a:xfrm>
          <a:off x="5725370" y="19164300"/>
          <a:ext cx="29590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1010453</xdr:colOff>
      <xdr:row>130</xdr:row>
      <xdr:rowOff>0</xdr:rowOff>
    </xdr:from>
    <xdr:to>
      <xdr:col>8</xdr:col>
      <xdr:colOff>442739</xdr:colOff>
      <xdr:row>134</xdr:row>
      <xdr:rowOff>62764</xdr:rowOff>
    </xdr:to>
    <xdr:sp macro="" textlink="">
      <xdr:nvSpPr>
        <xdr:cNvPr id="9" name="CaixaDeTexto 8"/>
        <xdr:cNvSpPr txBox="1"/>
      </xdr:nvSpPr>
      <xdr:spPr>
        <a:xfrm>
          <a:off x="11192678" y="19164300"/>
          <a:ext cx="312798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014217</xdr:colOff>
      <xdr:row>130</xdr:row>
      <xdr:rowOff>0</xdr:rowOff>
    </xdr:from>
    <xdr:to>
      <xdr:col>0</xdr:col>
      <xdr:colOff>3496109</xdr:colOff>
      <xdr:row>134</xdr:row>
      <xdr:rowOff>22225</xdr:rowOff>
    </xdr:to>
    <xdr:sp macro="" textlink="">
      <xdr:nvSpPr>
        <xdr:cNvPr id="7" name="CaixaDeTexto 6"/>
        <xdr:cNvSpPr txBox="1"/>
      </xdr:nvSpPr>
      <xdr:spPr>
        <a:xfrm>
          <a:off x="1014217" y="19169063"/>
          <a:ext cx="2481892"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65896</xdr:colOff>
      <xdr:row>130</xdr:row>
      <xdr:rowOff>0</xdr:rowOff>
    </xdr:from>
    <xdr:to>
      <xdr:col>3</xdr:col>
      <xdr:colOff>87458</xdr:colOff>
      <xdr:row>134</xdr:row>
      <xdr:rowOff>22225</xdr:rowOff>
    </xdr:to>
    <xdr:sp macro="" textlink="">
      <xdr:nvSpPr>
        <xdr:cNvPr id="8" name="CaixaDeTexto 7"/>
        <xdr:cNvSpPr txBox="1"/>
      </xdr:nvSpPr>
      <xdr:spPr>
        <a:xfrm>
          <a:off x="5618055" y="19169063"/>
          <a:ext cx="2305880"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32216</xdr:colOff>
      <xdr:row>130</xdr:row>
      <xdr:rowOff>0</xdr:rowOff>
    </xdr:from>
    <xdr:to>
      <xdr:col>8</xdr:col>
      <xdr:colOff>508721</xdr:colOff>
      <xdr:row>134</xdr:row>
      <xdr:rowOff>62764</xdr:rowOff>
    </xdr:to>
    <xdr:sp macro="" textlink="">
      <xdr:nvSpPr>
        <xdr:cNvPr id="9" name="CaixaDeTexto 8"/>
        <xdr:cNvSpPr txBox="1"/>
      </xdr:nvSpPr>
      <xdr:spPr>
        <a:xfrm>
          <a:off x="9919041" y="19431000"/>
          <a:ext cx="366750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98098</xdr:colOff>
      <xdr:row>54</xdr:row>
      <xdr:rowOff>0</xdr:rowOff>
    </xdr:from>
    <xdr:to>
      <xdr:col>0</xdr:col>
      <xdr:colOff>2667000</xdr:colOff>
      <xdr:row>58</xdr:row>
      <xdr:rowOff>22225</xdr:rowOff>
    </xdr:to>
    <xdr:sp macro="" textlink="">
      <xdr:nvSpPr>
        <xdr:cNvPr id="7" name="CaixaDeTexto 6"/>
        <xdr:cNvSpPr txBox="1"/>
      </xdr:nvSpPr>
      <xdr:spPr>
        <a:xfrm>
          <a:off x="198098" y="8458200"/>
          <a:ext cx="24689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524250</xdr:colOff>
      <xdr:row>54</xdr:row>
      <xdr:rowOff>0</xdr:rowOff>
    </xdr:from>
    <xdr:to>
      <xdr:col>2</xdr:col>
      <xdr:colOff>729565</xdr:colOff>
      <xdr:row>58</xdr:row>
      <xdr:rowOff>22225</xdr:rowOff>
    </xdr:to>
    <xdr:sp macro="" textlink="">
      <xdr:nvSpPr>
        <xdr:cNvPr id="8" name="CaixaDeTexto 7"/>
        <xdr:cNvSpPr txBox="1"/>
      </xdr:nvSpPr>
      <xdr:spPr>
        <a:xfrm>
          <a:off x="3524250" y="8458200"/>
          <a:ext cx="249169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315015</xdr:colOff>
      <xdr:row>54</xdr:row>
      <xdr:rowOff>0</xdr:rowOff>
    </xdr:from>
    <xdr:to>
      <xdr:col>6</xdr:col>
      <xdr:colOff>970046</xdr:colOff>
      <xdr:row>58</xdr:row>
      <xdr:rowOff>62764</xdr:rowOff>
    </xdr:to>
    <xdr:sp macro="" textlink="">
      <xdr:nvSpPr>
        <xdr:cNvPr id="9" name="CaixaDeTexto 8"/>
        <xdr:cNvSpPr txBox="1"/>
      </xdr:nvSpPr>
      <xdr:spPr>
        <a:xfrm>
          <a:off x="6544365" y="8458200"/>
          <a:ext cx="348395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930940</xdr:colOff>
      <xdr:row>82</xdr:row>
      <xdr:rowOff>0</xdr:rowOff>
    </xdr:from>
    <xdr:to>
      <xdr:col>0</xdr:col>
      <xdr:colOff>3285154</xdr:colOff>
      <xdr:row>86</xdr:row>
      <xdr:rowOff>22225</xdr:rowOff>
    </xdr:to>
    <xdr:sp macro="" textlink="">
      <xdr:nvSpPr>
        <xdr:cNvPr id="7" name="CaixaDeTexto 6"/>
        <xdr:cNvSpPr txBox="1"/>
      </xdr:nvSpPr>
      <xdr:spPr>
        <a:xfrm>
          <a:off x="930940" y="12411658"/>
          <a:ext cx="2354214"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024908</xdr:colOff>
      <xdr:row>82</xdr:row>
      <xdr:rowOff>0</xdr:rowOff>
    </xdr:from>
    <xdr:to>
      <xdr:col>3</xdr:col>
      <xdr:colOff>736732</xdr:colOff>
      <xdr:row>86</xdr:row>
      <xdr:rowOff>22225</xdr:rowOff>
    </xdr:to>
    <xdr:sp macro="" textlink="">
      <xdr:nvSpPr>
        <xdr:cNvPr id="8" name="CaixaDeTexto 7"/>
        <xdr:cNvSpPr txBox="1"/>
      </xdr:nvSpPr>
      <xdr:spPr>
        <a:xfrm>
          <a:off x="4983075" y="12530667"/>
          <a:ext cx="2421157" cy="61489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728955</xdr:colOff>
      <xdr:row>82</xdr:row>
      <xdr:rowOff>0</xdr:rowOff>
    </xdr:from>
    <xdr:to>
      <xdr:col>7</xdr:col>
      <xdr:colOff>394571</xdr:colOff>
      <xdr:row>86</xdr:row>
      <xdr:rowOff>62764</xdr:rowOff>
    </xdr:to>
    <xdr:sp macro="" textlink="">
      <xdr:nvSpPr>
        <xdr:cNvPr id="9" name="CaixaDeTexto 8"/>
        <xdr:cNvSpPr txBox="1"/>
      </xdr:nvSpPr>
      <xdr:spPr>
        <a:xfrm>
          <a:off x="8740538" y="12530667"/>
          <a:ext cx="3422700" cy="6554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 Id="rId9"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77.bin"/><Relationship Id="rId3" Type="http://schemas.openxmlformats.org/officeDocument/2006/relationships/printerSettings" Target="../printerSettings/printerSettings72.bin"/><Relationship Id="rId7" Type="http://schemas.openxmlformats.org/officeDocument/2006/relationships/printerSettings" Target="../printerSettings/printerSettings76.bin"/><Relationship Id="rId2" Type="http://schemas.openxmlformats.org/officeDocument/2006/relationships/printerSettings" Target="../printerSettings/printerSettings71.bin"/><Relationship Id="rId1" Type="http://schemas.openxmlformats.org/officeDocument/2006/relationships/printerSettings" Target="../printerSettings/printerSettings70.bin"/><Relationship Id="rId6" Type="http://schemas.openxmlformats.org/officeDocument/2006/relationships/printerSettings" Target="../printerSettings/printerSettings75.bin"/><Relationship Id="rId5" Type="http://schemas.openxmlformats.org/officeDocument/2006/relationships/printerSettings" Target="../printerSettings/printerSettings74.bin"/><Relationship Id="rId4" Type="http://schemas.openxmlformats.org/officeDocument/2006/relationships/printerSettings" Target="../printerSettings/printerSettings73.bin"/><Relationship Id="rId9"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85.bin"/><Relationship Id="rId3" Type="http://schemas.openxmlformats.org/officeDocument/2006/relationships/printerSettings" Target="../printerSettings/printerSettings80.bin"/><Relationship Id="rId7" Type="http://schemas.openxmlformats.org/officeDocument/2006/relationships/printerSettings" Target="../printerSettings/printerSettings84.bin"/><Relationship Id="rId2" Type="http://schemas.openxmlformats.org/officeDocument/2006/relationships/printerSettings" Target="../printerSettings/printerSettings79.bin"/><Relationship Id="rId1" Type="http://schemas.openxmlformats.org/officeDocument/2006/relationships/printerSettings" Target="../printerSettings/printerSettings78.bin"/><Relationship Id="rId6" Type="http://schemas.openxmlformats.org/officeDocument/2006/relationships/printerSettings" Target="../printerSettings/printerSettings83.bin"/><Relationship Id="rId5" Type="http://schemas.openxmlformats.org/officeDocument/2006/relationships/printerSettings" Target="../printerSettings/printerSettings82.bin"/><Relationship Id="rId4" Type="http://schemas.openxmlformats.org/officeDocument/2006/relationships/printerSettings" Target="../printerSettings/printerSettings81.bin"/><Relationship Id="rId9"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93.bin"/><Relationship Id="rId3" Type="http://schemas.openxmlformats.org/officeDocument/2006/relationships/printerSettings" Target="../printerSettings/printerSettings88.bin"/><Relationship Id="rId7" Type="http://schemas.openxmlformats.org/officeDocument/2006/relationships/printerSettings" Target="../printerSettings/printerSettings92.bin"/><Relationship Id="rId2" Type="http://schemas.openxmlformats.org/officeDocument/2006/relationships/printerSettings" Target="../printerSettings/printerSettings87.bin"/><Relationship Id="rId1" Type="http://schemas.openxmlformats.org/officeDocument/2006/relationships/printerSettings" Target="../printerSettings/printerSettings86.bin"/><Relationship Id="rId6" Type="http://schemas.openxmlformats.org/officeDocument/2006/relationships/printerSettings" Target="../printerSettings/printerSettings91.bin"/><Relationship Id="rId5" Type="http://schemas.openxmlformats.org/officeDocument/2006/relationships/printerSettings" Target="../printerSettings/printerSettings90.bin"/><Relationship Id="rId4" Type="http://schemas.openxmlformats.org/officeDocument/2006/relationships/printerSettings" Target="../printerSettings/printerSettings89.bin"/><Relationship Id="rId9" Type="http://schemas.openxmlformats.org/officeDocument/2006/relationships/drawing" Target="../drawings/drawing12.xml"/></Relationships>
</file>

<file path=xl/worksheets/_rels/sheet13.xml.rels><?xml version="1.0" encoding="UTF-8" standalone="yes"?>
<Relationships xmlns="http://schemas.openxmlformats.org/package/2006/relationships"><Relationship Id="rId8" Type="http://schemas.openxmlformats.org/officeDocument/2006/relationships/drawing" Target="../drawings/drawing13.xml"/><Relationship Id="rId3" Type="http://schemas.openxmlformats.org/officeDocument/2006/relationships/printerSettings" Target="../printerSettings/printerSettings96.bin"/><Relationship Id="rId7" Type="http://schemas.openxmlformats.org/officeDocument/2006/relationships/printerSettings" Target="../printerSettings/printerSettings100.bin"/><Relationship Id="rId2" Type="http://schemas.openxmlformats.org/officeDocument/2006/relationships/printerSettings" Target="../printerSettings/printerSettings95.bin"/><Relationship Id="rId1" Type="http://schemas.openxmlformats.org/officeDocument/2006/relationships/printerSettings" Target="../printerSettings/printerSettings94.bin"/><Relationship Id="rId6" Type="http://schemas.openxmlformats.org/officeDocument/2006/relationships/printerSettings" Target="../printerSettings/printerSettings99.bin"/><Relationship Id="rId5" Type="http://schemas.openxmlformats.org/officeDocument/2006/relationships/printerSettings" Target="../printerSettings/printerSettings98.bin"/><Relationship Id="rId4" Type="http://schemas.openxmlformats.org/officeDocument/2006/relationships/printerSettings" Target="../printerSettings/printerSettings97.bin"/></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08.bin"/><Relationship Id="rId3" Type="http://schemas.openxmlformats.org/officeDocument/2006/relationships/printerSettings" Target="../printerSettings/printerSettings103.bin"/><Relationship Id="rId7" Type="http://schemas.openxmlformats.org/officeDocument/2006/relationships/printerSettings" Target="../printerSettings/printerSettings107.bin"/><Relationship Id="rId2" Type="http://schemas.openxmlformats.org/officeDocument/2006/relationships/printerSettings" Target="../printerSettings/printerSettings102.bin"/><Relationship Id="rId1" Type="http://schemas.openxmlformats.org/officeDocument/2006/relationships/printerSettings" Target="../printerSettings/printerSettings101.bin"/><Relationship Id="rId6" Type="http://schemas.openxmlformats.org/officeDocument/2006/relationships/printerSettings" Target="../printerSettings/printerSettings106.bin"/><Relationship Id="rId5" Type="http://schemas.openxmlformats.org/officeDocument/2006/relationships/printerSettings" Target="../printerSettings/printerSettings105.bin"/><Relationship Id="rId4" Type="http://schemas.openxmlformats.org/officeDocument/2006/relationships/printerSettings" Target="../printerSettings/printerSettings104.bin"/><Relationship Id="rId9" Type="http://schemas.openxmlformats.org/officeDocument/2006/relationships/drawing" Target="../drawings/drawing14.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11.bin"/><Relationship Id="rId7" Type="http://schemas.openxmlformats.org/officeDocument/2006/relationships/drawing" Target="../drawings/drawing2.xml"/><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 Id="rId6" Type="http://schemas.openxmlformats.org/officeDocument/2006/relationships/printerSettings" Target="../printerSettings/printerSettings14.bin"/><Relationship Id="rId5" Type="http://schemas.openxmlformats.org/officeDocument/2006/relationships/printerSettings" Target="../printerSettings/printerSettings13.bin"/><Relationship Id="rId4" Type="http://schemas.openxmlformats.org/officeDocument/2006/relationships/printerSettings" Target="../printerSettings/printerSettings12.bin"/></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2.bin"/><Relationship Id="rId3" Type="http://schemas.openxmlformats.org/officeDocument/2006/relationships/printerSettings" Target="../printerSettings/printerSettings17.bin"/><Relationship Id="rId7" Type="http://schemas.openxmlformats.org/officeDocument/2006/relationships/printerSettings" Target="../printerSettings/printerSettings21.bin"/><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 Id="rId6" Type="http://schemas.openxmlformats.org/officeDocument/2006/relationships/printerSettings" Target="../printerSettings/printerSettings20.bin"/><Relationship Id="rId5" Type="http://schemas.openxmlformats.org/officeDocument/2006/relationships/printerSettings" Target="../printerSettings/printerSettings19.bin"/><Relationship Id="rId4" Type="http://schemas.openxmlformats.org/officeDocument/2006/relationships/printerSettings" Target="../printerSettings/printerSettings18.bin"/><Relationship Id="rId9"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8" Type="http://schemas.openxmlformats.org/officeDocument/2006/relationships/drawing" Target="../drawings/drawing4.xml"/><Relationship Id="rId3" Type="http://schemas.openxmlformats.org/officeDocument/2006/relationships/printerSettings" Target="../printerSettings/printerSettings25.bin"/><Relationship Id="rId7" Type="http://schemas.openxmlformats.org/officeDocument/2006/relationships/printerSettings" Target="../printerSettings/printerSettings29.bin"/><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 Id="rId6" Type="http://schemas.openxmlformats.org/officeDocument/2006/relationships/printerSettings" Target="../printerSettings/printerSettings28.bin"/><Relationship Id="rId5" Type="http://schemas.openxmlformats.org/officeDocument/2006/relationships/printerSettings" Target="../printerSettings/printerSettings27.bin"/><Relationship Id="rId4" Type="http://schemas.openxmlformats.org/officeDocument/2006/relationships/printerSettings" Target="../printerSettings/printerSettings26.bin"/></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37.bin"/><Relationship Id="rId3" Type="http://schemas.openxmlformats.org/officeDocument/2006/relationships/printerSettings" Target="../printerSettings/printerSettings32.bin"/><Relationship Id="rId7" Type="http://schemas.openxmlformats.org/officeDocument/2006/relationships/printerSettings" Target="../printerSettings/printerSettings36.bin"/><Relationship Id="rId2" Type="http://schemas.openxmlformats.org/officeDocument/2006/relationships/printerSettings" Target="../printerSettings/printerSettings31.bin"/><Relationship Id="rId1" Type="http://schemas.openxmlformats.org/officeDocument/2006/relationships/printerSettings" Target="../printerSettings/printerSettings30.bin"/><Relationship Id="rId6" Type="http://schemas.openxmlformats.org/officeDocument/2006/relationships/printerSettings" Target="../printerSettings/printerSettings35.bin"/><Relationship Id="rId5" Type="http://schemas.openxmlformats.org/officeDocument/2006/relationships/printerSettings" Target="../printerSettings/printerSettings34.bin"/><Relationship Id="rId4" Type="http://schemas.openxmlformats.org/officeDocument/2006/relationships/printerSettings" Target="../printerSettings/printerSettings33.bin"/><Relationship Id="rId9"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45.bin"/><Relationship Id="rId3" Type="http://schemas.openxmlformats.org/officeDocument/2006/relationships/printerSettings" Target="../printerSettings/printerSettings40.bin"/><Relationship Id="rId7" Type="http://schemas.openxmlformats.org/officeDocument/2006/relationships/printerSettings" Target="../printerSettings/printerSettings44.bin"/><Relationship Id="rId2" Type="http://schemas.openxmlformats.org/officeDocument/2006/relationships/printerSettings" Target="../printerSettings/printerSettings39.bin"/><Relationship Id="rId1" Type="http://schemas.openxmlformats.org/officeDocument/2006/relationships/printerSettings" Target="../printerSettings/printerSettings38.bin"/><Relationship Id="rId6" Type="http://schemas.openxmlformats.org/officeDocument/2006/relationships/printerSettings" Target="../printerSettings/printerSettings43.bin"/><Relationship Id="rId5" Type="http://schemas.openxmlformats.org/officeDocument/2006/relationships/printerSettings" Target="../printerSettings/printerSettings42.bin"/><Relationship Id="rId4" Type="http://schemas.openxmlformats.org/officeDocument/2006/relationships/printerSettings" Target="../printerSettings/printerSettings41.bin"/><Relationship Id="rId9" Type="http://schemas.openxmlformats.org/officeDocument/2006/relationships/drawing" Target="../drawings/drawing6.xml"/></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53.bin"/><Relationship Id="rId3" Type="http://schemas.openxmlformats.org/officeDocument/2006/relationships/printerSettings" Target="../printerSettings/printerSettings48.bin"/><Relationship Id="rId7" Type="http://schemas.openxmlformats.org/officeDocument/2006/relationships/printerSettings" Target="../printerSettings/printerSettings52.bin"/><Relationship Id="rId2" Type="http://schemas.openxmlformats.org/officeDocument/2006/relationships/printerSettings" Target="../printerSettings/printerSettings47.bin"/><Relationship Id="rId1" Type="http://schemas.openxmlformats.org/officeDocument/2006/relationships/printerSettings" Target="../printerSettings/printerSettings46.bin"/><Relationship Id="rId6" Type="http://schemas.openxmlformats.org/officeDocument/2006/relationships/printerSettings" Target="../printerSettings/printerSettings51.bin"/><Relationship Id="rId5" Type="http://schemas.openxmlformats.org/officeDocument/2006/relationships/printerSettings" Target="../printerSettings/printerSettings50.bin"/><Relationship Id="rId4" Type="http://schemas.openxmlformats.org/officeDocument/2006/relationships/printerSettings" Target="../printerSettings/printerSettings49.bin"/><Relationship Id="rId9" Type="http://schemas.openxmlformats.org/officeDocument/2006/relationships/drawing" Target="../drawings/drawing7.xml"/></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61.bin"/><Relationship Id="rId3" Type="http://schemas.openxmlformats.org/officeDocument/2006/relationships/printerSettings" Target="../printerSettings/printerSettings56.bin"/><Relationship Id="rId7" Type="http://schemas.openxmlformats.org/officeDocument/2006/relationships/printerSettings" Target="../printerSettings/printerSettings60.bin"/><Relationship Id="rId2" Type="http://schemas.openxmlformats.org/officeDocument/2006/relationships/printerSettings" Target="../printerSettings/printerSettings55.bin"/><Relationship Id="rId1" Type="http://schemas.openxmlformats.org/officeDocument/2006/relationships/printerSettings" Target="../printerSettings/printerSettings54.bin"/><Relationship Id="rId6" Type="http://schemas.openxmlformats.org/officeDocument/2006/relationships/printerSettings" Target="../printerSettings/printerSettings59.bin"/><Relationship Id="rId5" Type="http://schemas.openxmlformats.org/officeDocument/2006/relationships/printerSettings" Target="../printerSettings/printerSettings58.bin"/><Relationship Id="rId4" Type="http://schemas.openxmlformats.org/officeDocument/2006/relationships/printerSettings" Target="../printerSettings/printerSettings57.bin"/><Relationship Id="rId9" Type="http://schemas.openxmlformats.org/officeDocument/2006/relationships/drawing" Target="../drawings/drawing8.xml"/></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69.bin"/><Relationship Id="rId3" Type="http://schemas.openxmlformats.org/officeDocument/2006/relationships/printerSettings" Target="../printerSettings/printerSettings64.bin"/><Relationship Id="rId7" Type="http://schemas.openxmlformats.org/officeDocument/2006/relationships/printerSettings" Target="../printerSettings/printerSettings68.bin"/><Relationship Id="rId2" Type="http://schemas.openxmlformats.org/officeDocument/2006/relationships/printerSettings" Target="../printerSettings/printerSettings63.bin"/><Relationship Id="rId1" Type="http://schemas.openxmlformats.org/officeDocument/2006/relationships/printerSettings" Target="../printerSettings/printerSettings62.bin"/><Relationship Id="rId6" Type="http://schemas.openxmlformats.org/officeDocument/2006/relationships/printerSettings" Target="../printerSettings/printerSettings67.bin"/><Relationship Id="rId5" Type="http://schemas.openxmlformats.org/officeDocument/2006/relationships/printerSettings" Target="../printerSettings/printerSettings66.bin"/><Relationship Id="rId4" Type="http://schemas.openxmlformats.org/officeDocument/2006/relationships/printerSettings" Target="../printerSettings/printerSettings65.bin"/><Relationship Id="rId9"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tabColor rgb="FF92D050"/>
    <pageSetUpPr fitToPage="1"/>
  </sheetPr>
  <dimension ref="A1:N127"/>
  <sheetViews>
    <sheetView showGridLines="0" tabSelected="1" zoomScaleNormal="100" workbookViewId="0"/>
  </sheetViews>
  <sheetFormatPr defaultRowHeight="11.25" customHeight="1" x14ac:dyDescent="0.2"/>
  <cols>
    <col min="1" max="1" width="57.42578125" style="46" customWidth="1"/>
    <col min="2" max="2" width="20.42578125" style="46" bestFit="1" customWidth="1"/>
    <col min="3" max="3" width="22.28515625" style="46" customWidth="1"/>
    <col min="4" max="4" width="19.28515625" style="46" bestFit="1" customWidth="1"/>
    <col min="5" max="5" width="20.28515625" style="46" bestFit="1" customWidth="1"/>
    <col min="6" max="6" width="20" style="46" customWidth="1"/>
    <col min="7" max="7" width="20.5703125" style="46" customWidth="1"/>
    <col min="8" max="8" width="20.140625" style="46" bestFit="1" customWidth="1"/>
    <col min="9" max="9" width="21.28515625" style="46" customWidth="1"/>
    <col min="10" max="10" width="20.85546875" style="46" customWidth="1"/>
    <col min="11" max="11" width="11.7109375" style="46" customWidth="1"/>
    <col min="12" max="12" width="20.140625" style="46" customWidth="1"/>
    <col min="13" max="13" width="13.85546875" style="46" customWidth="1"/>
    <col min="14" max="14" width="18.5703125" style="46" customWidth="1"/>
    <col min="15" max="15" width="6.5703125" style="46" customWidth="1"/>
    <col min="16" max="17" width="15.42578125" style="46" customWidth="1"/>
    <col min="18" max="18" width="22" style="46" customWidth="1"/>
    <col min="19" max="19" width="13.42578125" style="46" customWidth="1"/>
    <col min="20" max="16384" width="9.140625" style="46"/>
  </cols>
  <sheetData>
    <row r="1" spans="1:14" s="23" customFormat="1" ht="10.5" x14ac:dyDescent="0.2">
      <c r="A1" s="388"/>
      <c r="B1" s="300"/>
      <c r="C1" s="300"/>
      <c r="D1" s="300"/>
      <c r="E1" s="300"/>
      <c r="F1" s="300"/>
      <c r="G1" s="300"/>
      <c r="H1" s="300"/>
      <c r="I1" s="300"/>
      <c r="J1" s="300"/>
      <c r="K1" s="300"/>
      <c r="L1" s="300"/>
    </row>
    <row r="2" spans="1:14" s="23" customFormat="1" ht="11.25" customHeight="1" x14ac:dyDescent="0.2">
      <c r="A2" s="300"/>
      <c r="B2" s="300"/>
      <c r="C2" s="300"/>
      <c r="D2" s="300"/>
      <c r="E2" s="300"/>
      <c r="F2" s="300"/>
      <c r="G2" s="300"/>
      <c r="H2" s="300"/>
      <c r="I2" s="300"/>
      <c r="J2" s="300"/>
      <c r="K2" s="300"/>
      <c r="L2" s="300"/>
    </row>
    <row r="3" spans="1:14" ht="11.25" customHeight="1" x14ac:dyDescent="0.2">
      <c r="A3" s="681" t="s">
        <v>641</v>
      </c>
      <c r="B3" s="681"/>
      <c r="C3" s="681"/>
      <c r="D3" s="681"/>
      <c r="E3" s="681"/>
      <c r="F3" s="681"/>
      <c r="G3" s="681"/>
      <c r="H3" s="681"/>
      <c r="I3" s="681"/>
      <c r="J3" s="681"/>
      <c r="K3" s="681"/>
      <c r="L3" s="681"/>
    </row>
    <row r="4" spans="1:14" ht="11.25" customHeight="1" x14ac:dyDescent="0.2">
      <c r="A4" s="681" t="s">
        <v>105</v>
      </c>
      <c r="B4" s="681"/>
      <c r="C4" s="681"/>
      <c r="D4" s="681"/>
      <c r="E4" s="681"/>
      <c r="F4" s="681"/>
      <c r="G4" s="681"/>
      <c r="H4" s="681"/>
      <c r="I4" s="681"/>
      <c r="J4" s="681"/>
      <c r="K4" s="681"/>
      <c r="L4" s="681"/>
    </row>
    <row r="5" spans="1:14" ht="11.25" customHeight="1" x14ac:dyDescent="0.2">
      <c r="A5" s="681" t="s">
        <v>106</v>
      </c>
      <c r="B5" s="681"/>
      <c r="C5" s="681"/>
      <c r="D5" s="681"/>
      <c r="E5" s="681"/>
      <c r="F5" s="681"/>
      <c r="G5" s="681"/>
      <c r="H5" s="681"/>
      <c r="I5" s="681"/>
      <c r="J5" s="681"/>
      <c r="K5" s="681"/>
      <c r="L5" s="681"/>
    </row>
    <row r="6" spans="1:14" ht="11.25" customHeight="1" x14ac:dyDescent="0.2">
      <c r="A6" s="681" t="s">
        <v>107</v>
      </c>
      <c r="B6" s="681"/>
      <c r="C6" s="681"/>
      <c r="D6" s="681"/>
      <c r="E6" s="681"/>
      <c r="F6" s="681"/>
      <c r="G6" s="681"/>
      <c r="H6" s="681"/>
      <c r="I6" s="681"/>
      <c r="J6" s="681"/>
      <c r="K6" s="681"/>
      <c r="L6" s="681"/>
    </row>
    <row r="7" spans="1:14" ht="11.25" customHeight="1" x14ac:dyDescent="0.2">
      <c r="A7" s="681" t="s">
        <v>879</v>
      </c>
      <c r="B7" s="681"/>
      <c r="C7" s="681"/>
      <c r="D7" s="681"/>
      <c r="E7" s="681"/>
      <c r="F7" s="681"/>
      <c r="G7" s="681"/>
      <c r="H7" s="681"/>
      <c r="I7" s="681"/>
      <c r="J7" s="681"/>
      <c r="K7" s="681"/>
      <c r="L7" s="681"/>
    </row>
    <row r="8" spans="1:14" s="23" customFormat="1" ht="11.25" customHeight="1" x14ac:dyDescent="0.2">
      <c r="A8" s="47"/>
      <c r="B8" s="47"/>
      <c r="C8" s="47"/>
      <c r="D8" s="329"/>
      <c r="E8" s="329"/>
      <c r="F8" s="47"/>
      <c r="G8" s="47"/>
      <c r="H8" s="47"/>
      <c r="I8" s="47"/>
      <c r="J8" s="47"/>
      <c r="K8" s="47"/>
    </row>
    <row r="9" spans="1:14" s="23" customFormat="1" ht="11.25" customHeight="1" x14ac:dyDescent="0.2">
      <c r="A9" s="23" t="s">
        <v>359</v>
      </c>
      <c r="B9" s="111"/>
      <c r="D9" s="309"/>
      <c r="E9" s="309"/>
      <c r="H9" s="129"/>
      <c r="I9" s="47"/>
      <c r="J9" s="129"/>
      <c r="L9" s="223">
        <v>1</v>
      </c>
    </row>
    <row r="10" spans="1:14" ht="15" customHeight="1" x14ac:dyDescent="0.2">
      <c r="A10" s="48"/>
      <c r="B10" s="686" t="s">
        <v>429</v>
      </c>
      <c r="C10" s="694"/>
      <c r="D10" s="686" t="s">
        <v>235</v>
      </c>
      <c r="E10" s="687"/>
      <c r="F10" s="690" t="s">
        <v>109</v>
      </c>
      <c r="G10" s="691"/>
      <c r="H10" s="691"/>
      <c r="I10" s="691"/>
      <c r="J10" s="691"/>
      <c r="K10" s="692"/>
      <c r="L10" s="684" t="s">
        <v>161</v>
      </c>
    </row>
    <row r="11" spans="1:14" ht="15" customHeight="1" x14ac:dyDescent="0.2">
      <c r="A11" s="403" t="s">
        <v>866</v>
      </c>
      <c r="B11" s="695"/>
      <c r="C11" s="696"/>
      <c r="D11" s="688"/>
      <c r="E11" s="689"/>
      <c r="F11" s="684" t="s">
        <v>113</v>
      </c>
      <c r="G11" s="685"/>
      <c r="H11" s="49" t="s">
        <v>114</v>
      </c>
      <c r="I11" s="684" t="s">
        <v>115</v>
      </c>
      <c r="J11" s="685"/>
      <c r="K11" s="50" t="s">
        <v>114</v>
      </c>
      <c r="L11" s="693"/>
    </row>
    <row r="12" spans="1:14" ht="15" customHeight="1" x14ac:dyDescent="0.2">
      <c r="A12" s="51"/>
      <c r="B12" s="697"/>
      <c r="C12" s="698"/>
      <c r="D12" s="682" t="s">
        <v>116</v>
      </c>
      <c r="E12" s="683"/>
      <c r="F12" s="682" t="s">
        <v>117</v>
      </c>
      <c r="G12" s="683"/>
      <c r="H12" s="372" t="s">
        <v>118</v>
      </c>
      <c r="I12" s="682" t="s">
        <v>152</v>
      </c>
      <c r="J12" s="683"/>
      <c r="K12" s="373" t="s">
        <v>153</v>
      </c>
      <c r="L12" s="373" t="s">
        <v>154</v>
      </c>
    </row>
    <row r="13" spans="1:14" ht="10.5" x14ac:dyDescent="0.2">
      <c r="A13" s="143" t="s">
        <v>360</v>
      </c>
      <c r="B13" s="679">
        <v>11877346000</v>
      </c>
      <c r="C13" s="680"/>
      <c r="D13" s="679">
        <v>11885145455.730001</v>
      </c>
      <c r="E13" s="680"/>
      <c r="F13" s="677">
        <v>1876865053.4999998</v>
      </c>
      <c r="G13" s="678"/>
      <c r="H13" s="406">
        <v>15.791687703705264</v>
      </c>
      <c r="I13" s="677">
        <v>7346669966.500001</v>
      </c>
      <c r="J13" s="678"/>
      <c r="K13" s="406">
        <v>61.813883505801471</v>
      </c>
      <c r="L13" s="407">
        <v>4538475489.2300005</v>
      </c>
    </row>
    <row r="14" spans="1:14" ht="10.5" x14ac:dyDescent="0.2">
      <c r="A14" s="144" t="s">
        <v>8</v>
      </c>
      <c r="B14" s="665">
        <v>11167327900</v>
      </c>
      <c r="C14" s="676"/>
      <c r="D14" s="665">
        <v>11168088500.560001</v>
      </c>
      <c r="E14" s="676"/>
      <c r="F14" s="677">
        <v>1776029215.3499997</v>
      </c>
      <c r="G14" s="678"/>
      <c r="H14" s="406">
        <v>15.902714374630397</v>
      </c>
      <c r="I14" s="677">
        <v>6983148987.4000006</v>
      </c>
      <c r="J14" s="678"/>
      <c r="K14" s="406">
        <v>62.527701021082024</v>
      </c>
      <c r="L14" s="407">
        <v>4184939513.1600008</v>
      </c>
    </row>
    <row r="15" spans="1:14" ht="10.5" x14ac:dyDescent="0.2">
      <c r="A15" s="144" t="s">
        <v>9</v>
      </c>
      <c r="B15" s="673">
        <v>7047013200</v>
      </c>
      <c r="C15" s="674"/>
      <c r="D15" s="673">
        <v>7047013200</v>
      </c>
      <c r="E15" s="674"/>
      <c r="F15" s="673">
        <v>1198669896.2099998</v>
      </c>
      <c r="G15" s="674"/>
      <c r="H15" s="408">
        <v>17.00961616206423</v>
      </c>
      <c r="I15" s="673">
        <v>4748203492.5600004</v>
      </c>
      <c r="J15" s="674"/>
      <c r="K15" s="408">
        <v>67.37894988702449</v>
      </c>
      <c r="L15" s="409">
        <v>2298809707.4400001</v>
      </c>
      <c r="M15" s="25"/>
      <c r="N15" s="58"/>
    </row>
    <row r="16" spans="1:14" ht="10.5" x14ac:dyDescent="0.2">
      <c r="A16" s="26" t="s">
        <v>10</v>
      </c>
      <c r="B16" s="673">
        <v>6687744000</v>
      </c>
      <c r="C16" s="674"/>
      <c r="D16" s="673">
        <v>6687744000</v>
      </c>
      <c r="E16" s="674"/>
      <c r="F16" s="673">
        <v>1151924919.4099998</v>
      </c>
      <c r="G16" s="674"/>
      <c r="H16" s="408">
        <v>17.224417074128436</v>
      </c>
      <c r="I16" s="673">
        <v>4615865146.6700001</v>
      </c>
      <c r="J16" s="674"/>
      <c r="K16" s="408">
        <v>69.019764313197399</v>
      </c>
      <c r="L16" s="409">
        <v>2071878853.3299999</v>
      </c>
    </row>
    <row r="17" spans="1:14" ht="10.5" x14ac:dyDescent="0.2">
      <c r="A17" s="26" t="s">
        <v>11</v>
      </c>
      <c r="B17" s="673">
        <v>359269200</v>
      </c>
      <c r="C17" s="674"/>
      <c r="D17" s="673">
        <v>359269200</v>
      </c>
      <c r="E17" s="674"/>
      <c r="F17" s="673">
        <v>46744976.799999997</v>
      </c>
      <c r="G17" s="674"/>
      <c r="H17" s="408">
        <v>13.01112836836556</v>
      </c>
      <c r="I17" s="673">
        <v>132338345.89</v>
      </c>
      <c r="J17" s="674"/>
      <c r="K17" s="408">
        <v>36.835427554045822</v>
      </c>
      <c r="L17" s="409">
        <v>226930854.11000001</v>
      </c>
    </row>
    <row r="18" spans="1:14" ht="10.5" x14ac:dyDescent="0.2">
      <c r="A18" s="26" t="s">
        <v>12</v>
      </c>
      <c r="B18" s="673">
        <v>0</v>
      </c>
      <c r="C18" s="674"/>
      <c r="D18" s="673">
        <v>0</v>
      </c>
      <c r="E18" s="674"/>
      <c r="F18" s="673">
        <v>0</v>
      </c>
      <c r="G18" s="674"/>
      <c r="H18" s="408">
        <v>0</v>
      </c>
      <c r="I18" s="673">
        <v>0</v>
      </c>
      <c r="J18" s="674"/>
      <c r="K18" s="408">
        <v>0</v>
      </c>
      <c r="L18" s="409">
        <v>0</v>
      </c>
    </row>
    <row r="19" spans="1:14" ht="10.5" x14ac:dyDescent="0.2">
      <c r="A19" s="144" t="s">
        <v>13</v>
      </c>
      <c r="B19" s="673">
        <v>388750900</v>
      </c>
      <c r="C19" s="674"/>
      <c r="D19" s="673">
        <v>388750900</v>
      </c>
      <c r="E19" s="674"/>
      <c r="F19" s="673">
        <v>96104844.170000002</v>
      </c>
      <c r="G19" s="674"/>
      <c r="H19" s="408">
        <v>24.721446090542816</v>
      </c>
      <c r="I19" s="673">
        <v>221966466.06</v>
      </c>
      <c r="J19" s="674"/>
      <c r="K19" s="408">
        <v>57.097351044074749</v>
      </c>
      <c r="L19" s="409">
        <v>166784433.94</v>
      </c>
      <c r="M19" s="58"/>
      <c r="N19" s="58"/>
    </row>
    <row r="20" spans="1:14" ht="10.5" x14ac:dyDescent="0.2">
      <c r="A20" s="26" t="s">
        <v>14</v>
      </c>
      <c r="B20" s="673">
        <v>388750900</v>
      </c>
      <c r="C20" s="674"/>
      <c r="D20" s="673">
        <v>388750900</v>
      </c>
      <c r="E20" s="674"/>
      <c r="F20" s="673">
        <v>96104844.170000002</v>
      </c>
      <c r="G20" s="674"/>
      <c r="H20" s="408">
        <v>24.721446090542816</v>
      </c>
      <c r="I20" s="673">
        <v>221966466.06</v>
      </c>
      <c r="J20" s="674"/>
      <c r="K20" s="408">
        <v>57.097351044074749</v>
      </c>
      <c r="L20" s="409">
        <v>166784433.94</v>
      </c>
    </row>
    <row r="21" spans="1:14" ht="10.5" x14ac:dyDescent="0.2">
      <c r="A21" s="26" t="s">
        <v>357</v>
      </c>
      <c r="B21" s="673">
        <v>0</v>
      </c>
      <c r="C21" s="674"/>
      <c r="D21" s="673">
        <v>0</v>
      </c>
      <c r="E21" s="674"/>
      <c r="F21" s="673">
        <v>0</v>
      </c>
      <c r="G21" s="674"/>
      <c r="H21" s="408">
        <v>0</v>
      </c>
      <c r="I21" s="673">
        <v>0</v>
      </c>
      <c r="J21" s="674"/>
      <c r="K21" s="408">
        <v>0</v>
      </c>
      <c r="L21" s="409">
        <v>0</v>
      </c>
    </row>
    <row r="22" spans="1:14" ht="10.5" x14ac:dyDescent="0.2">
      <c r="A22" s="26" t="s">
        <v>358</v>
      </c>
      <c r="B22" s="673">
        <v>0</v>
      </c>
      <c r="C22" s="674"/>
      <c r="D22" s="673">
        <v>0</v>
      </c>
      <c r="E22" s="674"/>
      <c r="F22" s="673">
        <v>0</v>
      </c>
      <c r="G22" s="674"/>
      <c r="H22" s="408">
        <v>0</v>
      </c>
      <c r="I22" s="673">
        <v>0</v>
      </c>
      <c r="J22" s="674"/>
      <c r="K22" s="408">
        <v>0</v>
      </c>
      <c r="L22" s="409">
        <v>0</v>
      </c>
    </row>
    <row r="23" spans="1:14" ht="10.5" x14ac:dyDescent="0.2">
      <c r="A23" s="144" t="s">
        <v>15</v>
      </c>
      <c r="B23" s="673">
        <v>135829800</v>
      </c>
      <c r="C23" s="674"/>
      <c r="D23" s="673">
        <v>136590400.56</v>
      </c>
      <c r="E23" s="674"/>
      <c r="F23" s="673">
        <v>21669490.949999996</v>
      </c>
      <c r="G23" s="674"/>
      <c r="H23" s="408">
        <v>15.864578228893361</v>
      </c>
      <c r="I23" s="673">
        <v>69010116.950000003</v>
      </c>
      <c r="J23" s="674"/>
      <c r="K23" s="408">
        <v>50.52340184015052</v>
      </c>
      <c r="L23" s="409">
        <v>67580283.609999999</v>
      </c>
    </row>
    <row r="24" spans="1:14" ht="10.5" x14ac:dyDescent="0.2">
      <c r="A24" s="26" t="s">
        <v>16</v>
      </c>
      <c r="B24" s="659">
        <v>1030600</v>
      </c>
      <c r="C24" s="672"/>
      <c r="D24" s="673">
        <v>1030600</v>
      </c>
      <c r="E24" s="674"/>
      <c r="F24" s="659">
        <v>158659.13</v>
      </c>
      <c r="G24" s="672"/>
      <c r="H24" s="408">
        <v>15.394831166310889</v>
      </c>
      <c r="I24" s="673">
        <v>562640.96</v>
      </c>
      <c r="J24" s="674"/>
      <c r="K24" s="408">
        <v>54.59353386376867</v>
      </c>
      <c r="L24" s="409">
        <v>467959.04000000004</v>
      </c>
    </row>
    <row r="25" spans="1:14" ht="10.5" x14ac:dyDescent="0.2">
      <c r="A25" s="26" t="s">
        <v>17</v>
      </c>
      <c r="B25" s="659">
        <v>67394400</v>
      </c>
      <c r="C25" s="672"/>
      <c r="D25" s="673">
        <v>67394400</v>
      </c>
      <c r="E25" s="674"/>
      <c r="F25" s="659">
        <v>18329101.579999998</v>
      </c>
      <c r="G25" s="672"/>
      <c r="H25" s="408">
        <v>27.196772402454801</v>
      </c>
      <c r="I25" s="673">
        <v>61504753.890000001</v>
      </c>
      <c r="J25" s="674"/>
      <c r="K25" s="408">
        <v>91.26092656066379</v>
      </c>
      <c r="L25" s="409">
        <v>5889646.1099999994</v>
      </c>
    </row>
    <row r="26" spans="1:14" ht="10.5" x14ac:dyDescent="0.2">
      <c r="A26" s="26" t="s">
        <v>18</v>
      </c>
      <c r="B26" s="659">
        <v>338800</v>
      </c>
      <c r="C26" s="672"/>
      <c r="D26" s="673">
        <v>1099400.56</v>
      </c>
      <c r="E26" s="674"/>
      <c r="F26" s="659">
        <v>185090.36</v>
      </c>
      <c r="G26" s="672"/>
      <c r="H26" s="408">
        <v>16.835570831435632</v>
      </c>
      <c r="I26" s="673">
        <v>1099400.56</v>
      </c>
      <c r="J26" s="674"/>
      <c r="K26" s="408">
        <v>100</v>
      </c>
      <c r="L26" s="409">
        <v>0</v>
      </c>
    </row>
    <row r="27" spans="1:14" ht="10.5" x14ac:dyDescent="0.2">
      <c r="A27" s="26" t="s">
        <v>119</v>
      </c>
      <c r="B27" s="659">
        <v>67066000</v>
      </c>
      <c r="C27" s="672"/>
      <c r="D27" s="673">
        <v>67066000</v>
      </c>
      <c r="E27" s="674"/>
      <c r="F27" s="659">
        <v>2996639.88</v>
      </c>
      <c r="G27" s="672"/>
      <c r="H27" s="408">
        <v>4.4681953299734589</v>
      </c>
      <c r="I27" s="673">
        <v>5843321.54</v>
      </c>
      <c r="J27" s="674"/>
      <c r="K27" s="408">
        <v>8.7127926818358041</v>
      </c>
      <c r="L27" s="409">
        <v>61222678.460000001</v>
      </c>
    </row>
    <row r="28" spans="1:14" ht="21" x14ac:dyDescent="0.2">
      <c r="A28" s="52" t="s">
        <v>370</v>
      </c>
      <c r="B28" s="659">
        <v>0</v>
      </c>
      <c r="C28" s="672"/>
      <c r="D28" s="673">
        <v>0</v>
      </c>
      <c r="E28" s="674"/>
      <c r="F28" s="659">
        <v>0</v>
      </c>
      <c r="G28" s="672"/>
      <c r="H28" s="408">
        <v>0</v>
      </c>
      <c r="I28" s="673">
        <v>0</v>
      </c>
      <c r="J28" s="674"/>
      <c r="K28" s="408">
        <v>0</v>
      </c>
      <c r="L28" s="409">
        <v>0</v>
      </c>
    </row>
    <row r="29" spans="1:14" ht="10.5" x14ac:dyDescent="0.2">
      <c r="A29" s="52" t="s">
        <v>371</v>
      </c>
      <c r="B29" s="659">
        <v>0</v>
      </c>
      <c r="C29" s="672"/>
      <c r="D29" s="673">
        <v>0</v>
      </c>
      <c r="E29" s="674"/>
      <c r="F29" s="659">
        <v>0</v>
      </c>
      <c r="G29" s="672"/>
      <c r="H29" s="408">
        <v>0</v>
      </c>
      <c r="I29" s="673">
        <v>0</v>
      </c>
      <c r="J29" s="674"/>
      <c r="K29" s="408">
        <v>0</v>
      </c>
      <c r="L29" s="409">
        <v>0</v>
      </c>
    </row>
    <row r="30" spans="1:14" ht="10.5" x14ac:dyDescent="0.2">
      <c r="A30" s="26" t="s">
        <v>19</v>
      </c>
      <c r="B30" s="659">
        <v>0</v>
      </c>
      <c r="C30" s="672"/>
      <c r="D30" s="673">
        <v>0</v>
      </c>
      <c r="E30" s="674"/>
      <c r="F30" s="659">
        <v>0</v>
      </c>
      <c r="G30" s="672"/>
      <c r="H30" s="408">
        <v>0</v>
      </c>
      <c r="I30" s="673">
        <v>0</v>
      </c>
      <c r="J30" s="674"/>
      <c r="K30" s="408">
        <v>0</v>
      </c>
      <c r="L30" s="409">
        <v>0</v>
      </c>
    </row>
    <row r="31" spans="1:14" ht="10.5" x14ac:dyDescent="0.2">
      <c r="A31" s="144" t="s">
        <v>20</v>
      </c>
      <c r="B31" s="659">
        <v>0</v>
      </c>
      <c r="C31" s="672"/>
      <c r="D31" s="659">
        <v>0</v>
      </c>
      <c r="E31" s="672"/>
      <c r="F31" s="659">
        <v>0</v>
      </c>
      <c r="G31" s="672"/>
      <c r="H31" s="408">
        <v>0</v>
      </c>
      <c r="I31" s="673">
        <v>0</v>
      </c>
      <c r="J31" s="674"/>
      <c r="K31" s="408">
        <v>0</v>
      </c>
      <c r="L31" s="409">
        <v>0</v>
      </c>
    </row>
    <row r="32" spans="1:14" ht="10.5" x14ac:dyDescent="0.2">
      <c r="A32" s="26" t="s">
        <v>21</v>
      </c>
      <c r="B32" s="659">
        <v>0</v>
      </c>
      <c r="C32" s="672"/>
      <c r="D32" s="673">
        <v>0</v>
      </c>
      <c r="E32" s="674"/>
      <c r="F32" s="659">
        <v>0</v>
      </c>
      <c r="G32" s="672"/>
      <c r="H32" s="408">
        <v>0</v>
      </c>
      <c r="I32" s="673">
        <v>0</v>
      </c>
      <c r="J32" s="674"/>
      <c r="K32" s="408">
        <v>0</v>
      </c>
      <c r="L32" s="409">
        <v>0</v>
      </c>
    </row>
    <row r="33" spans="1:14" ht="10.5" x14ac:dyDescent="0.2">
      <c r="A33" s="26" t="s">
        <v>22</v>
      </c>
      <c r="B33" s="659">
        <v>0</v>
      </c>
      <c r="C33" s="672"/>
      <c r="D33" s="673">
        <v>0</v>
      </c>
      <c r="E33" s="674"/>
      <c r="F33" s="659">
        <v>0</v>
      </c>
      <c r="G33" s="672"/>
      <c r="H33" s="408">
        <v>0</v>
      </c>
      <c r="I33" s="673">
        <v>0</v>
      </c>
      <c r="J33" s="674"/>
      <c r="K33" s="408">
        <v>0</v>
      </c>
      <c r="L33" s="409">
        <v>0</v>
      </c>
    </row>
    <row r="34" spans="1:14" ht="10.5" x14ac:dyDescent="0.2">
      <c r="A34" s="26" t="s">
        <v>23</v>
      </c>
      <c r="B34" s="659">
        <v>0</v>
      </c>
      <c r="C34" s="672"/>
      <c r="D34" s="673">
        <v>0</v>
      </c>
      <c r="E34" s="674"/>
      <c r="F34" s="659">
        <v>0</v>
      </c>
      <c r="G34" s="672"/>
      <c r="H34" s="408">
        <v>0</v>
      </c>
      <c r="I34" s="673">
        <v>0</v>
      </c>
      <c r="J34" s="674"/>
      <c r="K34" s="408">
        <v>0</v>
      </c>
      <c r="L34" s="409">
        <v>0</v>
      </c>
    </row>
    <row r="35" spans="1:14" ht="10.5" x14ac:dyDescent="0.2">
      <c r="A35" s="144" t="s">
        <v>24</v>
      </c>
      <c r="B35" s="659">
        <v>0</v>
      </c>
      <c r="C35" s="672"/>
      <c r="D35" s="659">
        <v>0</v>
      </c>
      <c r="E35" s="672"/>
      <c r="F35" s="659">
        <v>0</v>
      </c>
      <c r="G35" s="672"/>
      <c r="H35" s="408">
        <v>0</v>
      </c>
      <c r="I35" s="673">
        <v>0</v>
      </c>
      <c r="J35" s="674"/>
      <c r="K35" s="408">
        <v>0</v>
      </c>
      <c r="L35" s="409">
        <v>0</v>
      </c>
    </row>
    <row r="36" spans="1:14" ht="10.5" x14ac:dyDescent="0.2">
      <c r="A36" s="26" t="s">
        <v>372</v>
      </c>
      <c r="B36" s="659">
        <v>0</v>
      </c>
      <c r="C36" s="672"/>
      <c r="D36" s="673">
        <v>0</v>
      </c>
      <c r="E36" s="674"/>
      <c r="F36" s="659">
        <v>0</v>
      </c>
      <c r="G36" s="672"/>
      <c r="H36" s="408">
        <v>0</v>
      </c>
      <c r="I36" s="673">
        <v>0</v>
      </c>
      <c r="J36" s="674"/>
      <c r="K36" s="408">
        <v>0</v>
      </c>
      <c r="L36" s="409">
        <v>0</v>
      </c>
    </row>
    <row r="37" spans="1:14" ht="10.5" x14ac:dyDescent="0.2">
      <c r="A37" s="26" t="s">
        <v>25</v>
      </c>
      <c r="B37" s="659">
        <v>0</v>
      </c>
      <c r="C37" s="672"/>
      <c r="D37" s="673">
        <v>0</v>
      </c>
      <c r="E37" s="674"/>
      <c r="F37" s="659">
        <v>0</v>
      </c>
      <c r="G37" s="672"/>
      <c r="H37" s="408">
        <v>0</v>
      </c>
      <c r="I37" s="673">
        <v>0</v>
      </c>
      <c r="J37" s="674"/>
      <c r="K37" s="408">
        <v>0</v>
      </c>
      <c r="L37" s="409">
        <v>0</v>
      </c>
    </row>
    <row r="38" spans="1:14" ht="10.5" x14ac:dyDescent="0.2">
      <c r="A38" s="26" t="s">
        <v>26</v>
      </c>
      <c r="B38" s="659">
        <v>0</v>
      </c>
      <c r="C38" s="672"/>
      <c r="D38" s="673">
        <v>0</v>
      </c>
      <c r="E38" s="674"/>
      <c r="F38" s="659">
        <v>0</v>
      </c>
      <c r="G38" s="672"/>
      <c r="H38" s="408">
        <v>0</v>
      </c>
      <c r="I38" s="673">
        <v>0</v>
      </c>
      <c r="J38" s="674"/>
      <c r="K38" s="408">
        <v>0</v>
      </c>
      <c r="L38" s="409">
        <v>0</v>
      </c>
    </row>
    <row r="39" spans="1:14" ht="10.5" x14ac:dyDescent="0.2">
      <c r="A39" s="53" t="s">
        <v>27</v>
      </c>
      <c r="B39" s="659">
        <v>0</v>
      </c>
      <c r="C39" s="672"/>
      <c r="D39" s="673">
        <v>0</v>
      </c>
      <c r="E39" s="674"/>
      <c r="F39" s="659">
        <v>0</v>
      </c>
      <c r="G39" s="672"/>
      <c r="H39" s="408">
        <v>0</v>
      </c>
      <c r="I39" s="673">
        <v>0</v>
      </c>
      <c r="J39" s="674"/>
      <c r="K39" s="408">
        <v>0</v>
      </c>
      <c r="L39" s="409">
        <v>0</v>
      </c>
    </row>
    <row r="40" spans="1:14" ht="10.5" x14ac:dyDescent="0.2">
      <c r="A40" s="144" t="s">
        <v>28</v>
      </c>
      <c r="B40" s="659">
        <v>447593100</v>
      </c>
      <c r="C40" s="672"/>
      <c r="D40" s="673">
        <v>447593100</v>
      </c>
      <c r="E40" s="674"/>
      <c r="F40" s="659">
        <v>70484552.319999993</v>
      </c>
      <c r="G40" s="672"/>
      <c r="H40" s="408">
        <v>15.747461772757443</v>
      </c>
      <c r="I40" s="673">
        <v>301510847.07999998</v>
      </c>
      <c r="J40" s="674"/>
      <c r="K40" s="408">
        <v>67.362711149926128</v>
      </c>
      <c r="L40" s="409">
        <v>146082252.92000002</v>
      </c>
    </row>
    <row r="41" spans="1:14" ht="10.5" x14ac:dyDescent="0.2">
      <c r="A41" s="144" t="s">
        <v>29</v>
      </c>
      <c r="B41" s="659">
        <v>2984392800</v>
      </c>
      <c r="C41" s="672"/>
      <c r="D41" s="659">
        <v>2984392800</v>
      </c>
      <c r="E41" s="672"/>
      <c r="F41" s="659">
        <v>363285289.38</v>
      </c>
      <c r="G41" s="672"/>
      <c r="H41" s="408">
        <v>12.172837616415642</v>
      </c>
      <c r="I41" s="673">
        <v>1556751737.5399997</v>
      </c>
      <c r="J41" s="674"/>
      <c r="K41" s="408">
        <v>52.163097885104129</v>
      </c>
      <c r="L41" s="409">
        <v>1427641062.4600003</v>
      </c>
      <c r="M41" s="58"/>
      <c r="N41" s="58"/>
    </row>
    <row r="42" spans="1:14" ht="10.5" x14ac:dyDescent="0.2">
      <c r="A42" s="26" t="s">
        <v>30</v>
      </c>
      <c r="B42" s="659">
        <v>2221812200</v>
      </c>
      <c r="C42" s="672"/>
      <c r="D42" s="673">
        <v>2221812200</v>
      </c>
      <c r="E42" s="674"/>
      <c r="F42" s="659">
        <v>297335976.74000001</v>
      </c>
      <c r="G42" s="672"/>
      <c r="H42" s="408">
        <v>13.382588174644102</v>
      </c>
      <c r="I42" s="673">
        <v>1331482732.5699999</v>
      </c>
      <c r="J42" s="674"/>
      <c r="K42" s="408">
        <v>59.927780240382148</v>
      </c>
      <c r="L42" s="409">
        <v>890329467.43000007</v>
      </c>
    </row>
    <row r="43" spans="1:14" ht="10.5" x14ac:dyDescent="0.2">
      <c r="A43" s="26" t="s">
        <v>31</v>
      </c>
      <c r="B43" s="659">
        <v>478545500</v>
      </c>
      <c r="C43" s="672"/>
      <c r="D43" s="673">
        <v>478545500</v>
      </c>
      <c r="E43" s="674"/>
      <c r="F43" s="659">
        <v>62485967.780000001</v>
      </c>
      <c r="G43" s="672"/>
      <c r="H43" s="408">
        <v>13.057476829267017</v>
      </c>
      <c r="I43" s="673">
        <v>211123524.53</v>
      </c>
      <c r="J43" s="674"/>
      <c r="K43" s="408">
        <v>44.11775359500821</v>
      </c>
      <c r="L43" s="409">
        <v>267421975.47</v>
      </c>
    </row>
    <row r="44" spans="1:14" ht="10.5" x14ac:dyDescent="0.2">
      <c r="A44" s="26" t="s">
        <v>32</v>
      </c>
      <c r="B44" s="659">
        <v>0</v>
      </c>
      <c r="C44" s="672"/>
      <c r="D44" s="673">
        <v>0</v>
      </c>
      <c r="E44" s="674"/>
      <c r="F44" s="659">
        <v>0</v>
      </c>
      <c r="G44" s="672"/>
      <c r="H44" s="408">
        <v>0</v>
      </c>
      <c r="I44" s="673">
        <v>0</v>
      </c>
      <c r="J44" s="674"/>
      <c r="K44" s="408">
        <v>0</v>
      </c>
      <c r="L44" s="409">
        <v>0</v>
      </c>
    </row>
    <row r="45" spans="1:14" ht="10.5" x14ac:dyDescent="0.2">
      <c r="A45" s="26" t="s">
        <v>33</v>
      </c>
      <c r="B45" s="659">
        <v>56200</v>
      </c>
      <c r="C45" s="672"/>
      <c r="D45" s="673">
        <v>56200</v>
      </c>
      <c r="E45" s="674"/>
      <c r="F45" s="659">
        <v>0</v>
      </c>
      <c r="G45" s="672"/>
      <c r="H45" s="408">
        <v>0</v>
      </c>
      <c r="I45" s="673">
        <v>5802.1</v>
      </c>
      <c r="J45" s="674"/>
      <c r="K45" s="408">
        <v>10.324021352313167</v>
      </c>
      <c r="L45" s="409">
        <v>50397.9</v>
      </c>
    </row>
    <row r="46" spans="1:14" ht="10.5" x14ac:dyDescent="0.2">
      <c r="A46" s="26" t="s">
        <v>34</v>
      </c>
      <c r="B46" s="659">
        <v>283978900</v>
      </c>
      <c r="C46" s="672"/>
      <c r="D46" s="673">
        <v>283978900</v>
      </c>
      <c r="E46" s="674"/>
      <c r="F46" s="659">
        <v>3463344.86</v>
      </c>
      <c r="G46" s="672"/>
      <c r="H46" s="408">
        <v>1.2195782362703709</v>
      </c>
      <c r="I46" s="673">
        <v>14139678.34</v>
      </c>
      <c r="J46" s="674"/>
      <c r="K46" s="408">
        <v>4.9791299071867661</v>
      </c>
      <c r="L46" s="409">
        <v>269839221.66000003</v>
      </c>
    </row>
    <row r="47" spans="1:14" ht="10.5" x14ac:dyDescent="0.2">
      <c r="A47" s="54" t="s">
        <v>35</v>
      </c>
      <c r="B47" s="659">
        <v>0</v>
      </c>
      <c r="C47" s="672"/>
      <c r="D47" s="673">
        <v>0</v>
      </c>
      <c r="E47" s="674"/>
      <c r="F47" s="659">
        <v>0</v>
      </c>
      <c r="G47" s="672"/>
      <c r="H47" s="408">
        <v>0</v>
      </c>
      <c r="I47" s="673">
        <v>0</v>
      </c>
      <c r="J47" s="674"/>
      <c r="K47" s="408">
        <v>0</v>
      </c>
      <c r="L47" s="409">
        <v>0</v>
      </c>
    </row>
    <row r="48" spans="1:14" ht="10.5" x14ac:dyDescent="0.2">
      <c r="A48" s="144" t="s">
        <v>36</v>
      </c>
      <c r="B48" s="659">
        <v>163748100</v>
      </c>
      <c r="C48" s="672"/>
      <c r="D48" s="659">
        <v>163748100</v>
      </c>
      <c r="E48" s="672"/>
      <c r="F48" s="659">
        <v>25815142.319999997</v>
      </c>
      <c r="G48" s="672"/>
      <c r="H48" s="408">
        <v>15.765155333100045</v>
      </c>
      <c r="I48" s="673">
        <v>85706327.210000008</v>
      </c>
      <c r="J48" s="674"/>
      <c r="K48" s="408">
        <v>52.340349115501198</v>
      </c>
      <c r="L48" s="409">
        <v>78041772.789999992</v>
      </c>
    </row>
    <row r="49" spans="1:14" ht="10.5" x14ac:dyDescent="0.2">
      <c r="A49" s="26" t="s">
        <v>37</v>
      </c>
      <c r="B49" s="659">
        <v>83718200</v>
      </c>
      <c r="C49" s="672"/>
      <c r="D49" s="673">
        <v>83718200</v>
      </c>
      <c r="E49" s="674"/>
      <c r="F49" s="659">
        <v>14557620.1</v>
      </c>
      <c r="G49" s="672"/>
      <c r="H49" s="408">
        <v>17.388835522025079</v>
      </c>
      <c r="I49" s="673">
        <v>53653033.079999998</v>
      </c>
      <c r="J49" s="674"/>
      <c r="K49" s="408">
        <v>64.087657259711747</v>
      </c>
      <c r="L49" s="409">
        <v>30065166.920000002</v>
      </c>
    </row>
    <row r="50" spans="1:14" ht="10.5" x14ac:dyDescent="0.2">
      <c r="A50" s="26" t="s">
        <v>38</v>
      </c>
      <c r="B50" s="659">
        <v>25102100</v>
      </c>
      <c r="C50" s="672"/>
      <c r="D50" s="673">
        <v>25102100</v>
      </c>
      <c r="E50" s="674"/>
      <c r="F50" s="659">
        <v>7492096.8399999999</v>
      </c>
      <c r="G50" s="672"/>
      <c r="H50" s="408">
        <v>29.846494277371217</v>
      </c>
      <c r="I50" s="673">
        <v>18660012.510000002</v>
      </c>
      <c r="J50" s="674"/>
      <c r="K50" s="408">
        <v>74.336459937614791</v>
      </c>
      <c r="L50" s="409">
        <v>6442087.4899999984</v>
      </c>
    </row>
    <row r="51" spans="1:14" ht="10.5" x14ac:dyDescent="0.2">
      <c r="A51" s="26" t="s">
        <v>39</v>
      </c>
      <c r="B51" s="659">
        <v>9180000</v>
      </c>
      <c r="C51" s="672"/>
      <c r="D51" s="673">
        <v>9180000</v>
      </c>
      <c r="E51" s="674"/>
      <c r="F51" s="659">
        <v>2008242.18</v>
      </c>
      <c r="G51" s="672"/>
      <c r="H51" s="408">
        <v>21.876276470588234</v>
      </c>
      <c r="I51" s="673">
        <v>8368162.25</v>
      </c>
      <c r="J51" s="674"/>
      <c r="K51" s="408">
        <v>91.156451525054479</v>
      </c>
      <c r="L51" s="409">
        <v>811837.75</v>
      </c>
    </row>
    <row r="52" spans="1:14" ht="21" x14ac:dyDescent="0.2">
      <c r="A52" s="52" t="s">
        <v>373</v>
      </c>
      <c r="B52" s="659">
        <v>0</v>
      </c>
      <c r="C52" s="672"/>
      <c r="D52" s="673">
        <v>0</v>
      </c>
      <c r="E52" s="674"/>
      <c r="F52" s="659">
        <v>0</v>
      </c>
      <c r="G52" s="672"/>
      <c r="H52" s="408">
        <v>0</v>
      </c>
      <c r="I52" s="673">
        <v>0</v>
      </c>
      <c r="J52" s="674"/>
      <c r="K52" s="408">
        <v>0</v>
      </c>
      <c r="L52" s="409">
        <v>0</v>
      </c>
    </row>
    <row r="53" spans="1:14" ht="10.5" x14ac:dyDescent="0.2">
      <c r="A53" s="54" t="s">
        <v>54</v>
      </c>
      <c r="B53" s="659">
        <v>45747800</v>
      </c>
      <c r="C53" s="672"/>
      <c r="D53" s="673">
        <v>45747800</v>
      </c>
      <c r="E53" s="674"/>
      <c r="F53" s="659">
        <v>1757183.2</v>
      </c>
      <c r="G53" s="672"/>
      <c r="H53" s="408">
        <v>3.8410223005259265</v>
      </c>
      <c r="I53" s="673">
        <v>5025119.37</v>
      </c>
      <c r="J53" s="674"/>
      <c r="K53" s="408">
        <v>10.984395686787124</v>
      </c>
      <c r="L53" s="409">
        <v>40722680.630000003</v>
      </c>
    </row>
    <row r="54" spans="1:14" ht="10.5" x14ac:dyDescent="0.2">
      <c r="A54" s="144" t="s">
        <v>40</v>
      </c>
      <c r="B54" s="665">
        <v>710018100</v>
      </c>
      <c r="C54" s="676"/>
      <c r="D54" s="665">
        <v>717056955.16999996</v>
      </c>
      <c r="E54" s="676"/>
      <c r="F54" s="665">
        <v>100835838.15000001</v>
      </c>
      <c r="G54" s="676"/>
      <c r="H54" s="406">
        <v>14.062458696337982</v>
      </c>
      <c r="I54" s="677">
        <v>363520979.10000002</v>
      </c>
      <c r="J54" s="678"/>
      <c r="K54" s="406">
        <v>50.696248949125163</v>
      </c>
      <c r="L54" s="537">
        <v>353535976.07000005</v>
      </c>
    </row>
    <row r="55" spans="1:14" ht="10.5" x14ac:dyDescent="0.2">
      <c r="A55" s="144" t="s">
        <v>41</v>
      </c>
      <c r="B55" s="659">
        <v>36288000</v>
      </c>
      <c r="C55" s="672"/>
      <c r="D55" s="673">
        <v>43326855.170000002</v>
      </c>
      <c r="E55" s="674"/>
      <c r="F55" s="659">
        <v>10874722.630000001</v>
      </c>
      <c r="G55" s="672"/>
      <c r="H55" s="408">
        <v>25.099266003339611</v>
      </c>
      <c r="I55" s="673">
        <v>18973571.649999999</v>
      </c>
      <c r="J55" s="674"/>
      <c r="K55" s="408">
        <v>43.791712035304862</v>
      </c>
      <c r="L55" s="409">
        <v>24353283.52</v>
      </c>
    </row>
    <row r="56" spans="1:14" ht="10.5" x14ac:dyDescent="0.2">
      <c r="A56" s="26" t="s">
        <v>42</v>
      </c>
      <c r="B56" s="659">
        <v>34788000</v>
      </c>
      <c r="C56" s="672"/>
      <c r="D56" s="673">
        <v>34788000</v>
      </c>
      <c r="E56" s="674"/>
      <c r="F56" s="659">
        <v>5434716.4800000004</v>
      </c>
      <c r="G56" s="672"/>
      <c r="H56" s="408">
        <v>15.622388409796484</v>
      </c>
      <c r="I56" s="673">
        <v>10434716.48</v>
      </c>
      <c r="J56" s="674"/>
      <c r="K56" s="408">
        <v>29.995160630102337</v>
      </c>
      <c r="L56" s="409">
        <v>24353283.52</v>
      </c>
    </row>
    <row r="57" spans="1:14" ht="10.5" x14ac:dyDescent="0.2">
      <c r="A57" s="26" t="s">
        <v>43</v>
      </c>
      <c r="B57" s="659">
        <v>1500000</v>
      </c>
      <c r="C57" s="672"/>
      <c r="D57" s="673">
        <v>8538855.1699999999</v>
      </c>
      <c r="E57" s="674"/>
      <c r="F57" s="659">
        <v>5440006.1500000004</v>
      </c>
      <c r="G57" s="672"/>
      <c r="H57" s="408">
        <v>63.708846697771079</v>
      </c>
      <c r="I57" s="673">
        <v>8538855.1699999999</v>
      </c>
      <c r="J57" s="674"/>
      <c r="K57" s="408">
        <v>100</v>
      </c>
      <c r="L57" s="409">
        <v>0</v>
      </c>
    </row>
    <row r="58" spans="1:14" ht="10.5" x14ac:dyDescent="0.2">
      <c r="A58" s="144" t="s">
        <v>44</v>
      </c>
      <c r="B58" s="659">
        <v>7652000</v>
      </c>
      <c r="C58" s="672"/>
      <c r="D58" s="659">
        <v>7652000</v>
      </c>
      <c r="E58" s="672"/>
      <c r="F58" s="659">
        <v>319749.2</v>
      </c>
      <c r="G58" s="672"/>
      <c r="H58" s="408">
        <v>4.1786356508102456</v>
      </c>
      <c r="I58" s="673">
        <v>664773.55000000005</v>
      </c>
      <c r="J58" s="674"/>
      <c r="K58" s="408">
        <v>8.6875790642969157</v>
      </c>
      <c r="L58" s="409">
        <v>6987226.4499999993</v>
      </c>
      <c r="M58" s="58"/>
      <c r="N58" s="58"/>
    </row>
    <row r="59" spans="1:14" ht="10.5" x14ac:dyDescent="0.2">
      <c r="A59" s="26" t="s">
        <v>45</v>
      </c>
      <c r="B59" s="659">
        <v>2056000</v>
      </c>
      <c r="C59" s="672"/>
      <c r="D59" s="673">
        <v>2056000</v>
      </c>
      <c r="E59" s="674"/>
      <c r="F59" s="659">
        <v>237695.99</v>
      </c>
      <c r="G59" s="672"/>
      <c r="H59" s="408">
        <v>11.561089007782101</v>
      </c>
      <c r="I59" s="673">
        <v>357349.27</v>
      </c>
      <c r="J59" s="674"/>
      <c r="K59" s="408">
        <v>17.380801070038913</v>
      </c>
      <c r="L59" s="409">
        <v>1698650.73</v>
      </c>
    </row>
    <row r="60" spans="1:14" ht="10.5" x14ac:dyDescent="0.2">
      <c r="A60" s="26" t="s">
        <v>46</v>
      </c>
      <c r="B60" s="659">
        <v>5596000</v>
      </c>
      <c r="C60" s="672"/>
      <c r="D60" s="673">
        <v>5596000</v>
      </c>
      <c r="E60" s="674"/>
      <c r="F60" s="659">
        <v>82053.210000000006</v>
      </c>
      <c r="G60" s="672"/>
      <c r="H60" s="408">
        <v>1.4662832380271624</v>
      </c>
      <c r="I60" s="673">
        <v>307424.28000000003</v>
      </c>
      <c r="J60" s="674"/>
      <c r="K60" s="408">
        <v>5.4936433166547536</v>
      </c>
      <c r="L60" s="409">
        <v>5288575.72</v>
      </c>
    </row>
    <row r="61" spans="1:14" ht="10.5" x14ac:dyDescent="0.2">
      <c r="A61" s="144" t="s">
        <v>47</v>
      </c>
      <c r="B61" s="659">
        <v>2054800</v>
      </c>
      <c r="C61" s="672"/>
      <c r="D61" s="673">
        <v>2054800</v>
      </c>
      <c r="E61" s="674"/>
      <c r="F61" s="659">
        <v>538779.21</v>
      </c>
      <c r="G61" s="672"/>
      <c r="H61" s="408">
        <v>26.220518298617868</v>
      </c>
      <c r="I61" s="673">
        <v>1607162</v>
      </c>
      <c r="J61" s="674"/>
      <c r="K61" s="408">
        <v>78.215008759976641</v>
      </c>
      <c r="L61" s="409">
        <v>447638</v>
      </c>
    </row>
    <row r="62" spans="1:14" ht="10.5" x14ac:dyDescent="0.2">
      <c r="A62" s="144" t="s">
        <v>48</v>
      </c>
      <c r="B62" s="659">
        <v>664023300</v>
      </c>
      <c r="C62" s="672"/>
      <c r="D62" s="659">
        <v>664023300</v>
      </c>
      <c r="E62" s="672"/>
      <c r="F62" s="659">
        <v>89102587.109999999</v>
      </c>
      <c r="G62" s="672"/>
      <c r="H62" s="408">
        <v>13.418593460500558</v>
      </c>
      <c r="I62" s="673">
        <v>342275471.90000004</v>
      </c>
      <c r="J62" s="674"/>
      <c r="K62" s="408">
        <v>51.545702070996612</v>
      </c>
      <c r="L62" s="409">
        <v>321747828.10000002</v>
      </c>
      <c r="M62" s="58"/>
      <c r="N62" s="58"/>
    </row>
    <row r="63" spans="1:14" ht="10.5" x14ac:dyDescent="0.2">
      <c r="A63" s="26" t="s">
        <v>30</v>
      </c>
      <c r="B63" s="659">
        <v>32204000</v>
      </c>
      <c r="C63" s="672"/>
      <c r="D63" s="673">
        <v>32204000</v>
      </c>
      <c r="E63" s="674"/>
      <c r="F63" s="659">
        <v>0</v>
      </c>
      <c r="G63" s="672"/>
      <c r="H63" s="408">
        <v>0</v>
      </c>
      <c r="I63" s="673">
        <v>3694046.41</v>
      </c>
      <c r="J63" s="674"/>
      <c r="K63" s="408">
        <v>11.47076887964228</v>
      </c>
      <c r="L63" s="409">
        <v>28509953.59</v>
      </c>
    </row>
    <row r="64" spans="1:14" ht="10.5" x14ac:dyDescent="0.2">
      <c r="A64" s="26" t="s">
        <v>31</v>
      </c>
      <c r="B64" s="659">
        <v>411979000</v>
      </c>
      <c r="C64" s="672"/>
      <c r="D64" s="673">
        <v>411979000</v>
      </c>
      <c r="E64" s="674"/>
      <c r="F64" s="659">
        <v>81272606.920000002</v>
      </c>
      <c r="G64" s="672"/>
      <c r="H64" s="408">
        <v>19.727366424016761</v>
      </c>
      <c r="I64" s="673">
        <v>302798305.91000003</v>
      </c>
      <c r="J64" s="674"/>
      <c r="K64" s="408">
        <v>73.49848072595934</v>
      </c>
      <c r="L64" s="409">
        <v>109180694.08999997</v>
      </c>
    </row>
    <row r="65" spans="1:13" ht="10.5" x14ac:dyDescent="0.2">
      <c r="A65" s="26" t="s">
        <v>32</v>
      </c>
      <c r="B65" s="659">
        <v>0</v>
      </c>
      <c r="C65" s="672"/>
      <c r="D65" s="673">
        <v>0</v>
      </c>
      <c r="E65" s="674"/>
      <c r="F65" s="659">
        <v>0</v>
      </c>
      <c r="G65" s="672"/>
      <c r="H65" s="408">
        <v>0</v>
      </c>
      <c r="I65" s="673">
        <v>0</v>
      </c>
      <c r="J65" s="674"/>
      <c r="K65" s="408">
        <v>0</v>
      </c>
      <c r="L65" s="409">
        <v>0</v>
      </c>
    </row>
    <row r="66" spans="1:13" ht="10.5" x14ac:dyDescent="0.2">
      <c r="A66" s="26" t="s">
        <v>33</v>
      </c>
      <c r="B66" s="659">
        <v>0</v>
      </c>
      <c r="C66" s="672"/>
      <c r="D66" s="673">
        <v>0</v>
      </c>
      <c r="E66" s="674"/>
      <c r="F66" s="659">
        <v>0</v>
      </c>
      <c r="G66" s="672"/>
      <c r="H66" s="408">
        <v>0</v>
      </c>
      <c r="I66" s="673">
        <v>0</v>
      </c>
      <c r="J66" s="674"/>
      <c r="K66" s="408">
        <v>0</v>
      </c>
      <c r="L66" s="409">
        <v>0</v>
      </c>
    </row>
    <row r="67" spans="1:13" ht="10.5" x14ac:dyDescent="0.2">
      <c r="A67" s="55" t="s">
        <v>49</v>
      </c>
      <c r="B67" s="659">
        <v>0</v>
      </c>
      <c r="C67" s="672"/>
      <c r="D67" s="673">
        <v>0</v>
      </c>
      <c r="E67" s="674"/>
      <c r="F67" s="659">
        <v>0</v>
      </c>
      <c r="G67" s="672"/>
      <c r="H67" s="408">
        <v>0</v>
      </c>
      <c r="I67" s="673">
        <v>0</v>
      </c>
      <c r="J67" s="674"/>
      <c r="K67" s="408">
        <v>0</v>
      </c>
      <c r="L67" s="409">
        <v>0</v>
      </c>
    </row>
    <row r="68" spans="1:13" ht="10.5" x14ac:dyDescent="0.2">
      <c r="A68" s="55" t="s">
        <v>34</v>
      </c>
      <c r="B68" s="659">
        <v>219840300</v>
      </c>
      <c r="C68" s="672"/>
      <c r="D68" s="673">
        <v>219840300</v>
      </c>
      <c r="E68" s="674"/>
      <c r="F68" s="659">
        <v>7829980.1900000004</v>
      </c>
      <c r="G68" s="672"/>
      <c r="H68" s="408">
        <v>3.5616673512545245</v>
      </c>
      <c r="I68" s="673">
        <v>35783119.579999998</v>
      </c>
      <c r="J68" s="674"/>
      <c r="K68" s="408">
        <v>16.276869882364604</v>
      </c>
      <c r="L68" s="409">
        <v>184057180.42000002</v>
      </c>
    </row>
    <row r="69" spans="1:13" ht="10.5" x14ac:dyDescent="0.2">
      <c r="A69" s="55" t="s">
        <v>35</v>
      </c>
      <c r="B69" s="659">
        <v>0</v>
      </c>
      <c r="C69" s="672"/>
      <c r="D69" s="673">
        <v>0</v>
      </c>
      <c r="E69" s="674"/>
      <c r="F69" s="659">
        <v>0</v>
      </c>
      <c r="G69" s="672"/>
      <c r="H69" s="408">
        <v>0</v>
      </c>
      <c r="I69" s="673">
        <v>0</v>
      </c>
      <c r="J69" s="674"/>
      <c r="K69" s="408">
        <v>0</v>
      </c>
      <c r="L69" s="409">
        <v>0</v>
      </c>
    </row>
    <row r="70" spans="1:13" ht="10.5" x14ac:dyDescent="0.2">
      <c r="A70" s="144" t="s">
        <v>50</v>
      </c>
      <c r="B70" s="659">
        <v>0</v>
      </c>
      <c r="C70" s="672"/>
      <c r="D70" s="659">
        <v>0</v>
      </c>
      <c r="E70" s="672"/>
      <c r="F70" s="659">
        <v>0</v>
      </c>
      <c r="G70" s="672"/>
      <c r="H70" s="408">
        <v>0</v>
      </c>
      <c r="I70" s="673">
        <v>0</v>
      </c>
      <c r="J70" s="674"/>
      <c r="K70" s="408">
        <v>0</v>
      </c>
      <c r="L70" s="409">
        <v>0</v>
      </c>
    </row>
    <row r="71" spans="1:13" ht="10.5" x14ac:dyDescent="0.2">
      <c r="A71" s="26" t="s">
        <v>883</v>
      </c>
      <c r="B71" s="659">
        <v>0</v>
      </c>
      <c r="C71" s="672"/>
      <c r="D71" s="673">
        <v>0</v>
      </c>
      <c r="E71" s="674"/>
      <c r="F71" s="659">
        <v>0</v>
      </c>
      <c r="G71" s="672"/>
      <c r="H71" s="408">
        <v>0</v>
      </c>
      <c r="I71" s="673">
        <v>0</v>
      </c>
      <c r="J71" s="674"/>
      <c r="K71" s="408">
        <v>0</v>
      </c>
      <c r="L71" s="409">
        <v>0</v>
      </c>
    </row>
    <row r="72" spans="1:13" ht="10.5" x14ac:dyDescent="0.2">
      <c r="A72" s="56" t="s">
        <v>52</v>
      </c>
      <c r="B72" s="659">
        <v>0</v>
      </c>
      <c r="C72" s="672"/>
      <c r="D72" s="673">
        <v>0</v>
      </c>
      <c r="E72" s="674"/>
      <c r="F72" s="673">
        <v>0</v>
      </c>
      <c r="G72" s="674"/>
      <c r="H72" s="408">
        <v>0</v>
      </c>
      <c r="I72" s="673">
        <v>0</v>
      </c>
      <c r="J72" s="674"/>
      <c r="K72" s="408">
        <v>0</v>
      </c>
      <c r="L72" s="409">
        <v>0</v>
      </c>
    </row>
    <row r="73" spans="1:13" ht="10.5" x14ac:dyDescent="0.2">
      <c r="A73" s="55" t="s">
        <v>53</v>
      </c>
      <c r="B73" s="659">
        <v>0</v>
      </c>
      <c r="C73" s="672"/>
      <c r="D73" s="673">
        <v>0</v>
      </c>
      <c r="E73" s="674"/>
      <c r="F73" s="659">
        <v>0</v>
      </c>
      <c r="G73" s="672"/>
      <c r="H73" s="408">
        <v>0</v>
      </c>
      <c r="I73" s="673">
        <v>0</v>
      </c>
      <c r="J73" s="674"/>
      <c r="K73" s="408">
        <v>0</v>
      </c>
      <c r="L73" s="409">
        <v>0</v>
      </c>
    </row>
    <row r="74" spans="1:13" ht="10.5" x14ac:dyDescent="0.2">
      <c r="A74" s="145" t="s">
        <v>82</v>
      </c>
      <c r="B74" s="661">
        <v>1179764000</v>
      </c>
      <c r="C74" s="675"/>
      <c r="D74" s="661">
        <v>1364170061.1700001</v>
      </c>
      <c r="E74" s="675"/>
      <c r="F74" s="661">
        <v>257966896.59</v>
      </c>
      <c r="G74" s="675"/>
      <c r="H74" s="406">
        <v>18.91017138792439</v>
      </c>
      <c r="I74" s="661">
        <v>780307786.74000001</v>
      </c>
      <c r="J74" s="675"/>
      <c r="K74" s="406">
        <v>57.200184122994003</v>
      </c>
      <c r="L74" s="407">
        <v>583862274.43000007</v>
      </c>
    </row>
    <row r="75" spans="1:13" ht="10.5" x14ac:dyDescent="0.2">
      <c r="A75" s="146" t="s">
        <v>83</v>
      </c>
      <c r="B75" s="657">
        <v>13057110000</v>
      </c>
      <c r="C75" s="658"/>
      <c r="D75" s="657">
        <v>13249315516.900002</v>
      </c>
      <c r="E75" s="658"/>
      <c r="F75" s="657">
        <v>2134831950.0899997</v>
      </c>
      <c r="G75" s="658"/>
      <c r="H75" s="413">
        <v>16.112771617272912</v>
      </c>
      <c r="I75" s="657">
        <v>8126977753.2400007</v>
      </c>
      <c r="J75" s="658"/>
      <c r="K75" s="414">
        <v>61.338849866423175</v>
      </c>
      <c r="L75" s="415">
        <v>5122337763.6600008</v>
      </c>
      <c r="M75" s="307"/>
    </row>
    <row r="76" spans="1:13" ht="10.5" x14ac:dyDescent="0.2">
      <c r="A76" s="308" t="s">
        <v>361</v>
      </c>
      <c r="B76" s="663"/>
      <c r="C76" s="671"/>
      <c r="D76" s="663"/>
      <c r="E76" s="671"/>
      <c r="F76" s="663"/>
      <c r="G76" s="671"/>
      <c r="H76" s="416">
        <v>0</v>
      </c>
      <c r="I76" s="663"/>
      <c r="J76" s="671"/>
      <c r="K76" s="533">
        <v>0</v>
      </c>
      <c r="L76" s="533"/>
    </row>
    <row r="77" spans="1:13" ht="10.5" x14ac:dyDescent="0.2">
      <c r="A77" s="144" t="s">
        <v>310</v>
      </c>
      <c r="B77" s="417"/>
      <c r="C77" s="418"/>
      <c r="D77" s="417"/>
      <c r="E77" s="418"/>
      <c r="F77" s="417"/>
      <c r="G77" s="418"/>
      <c r="H77" s="409">
        <v>0</v>
      </c>
      <c r="I77" s="417"/>
      <c r="J77" s="418"/>
      <c r="K77" s="536">
        <v>0</v>
      </c>
      <c r="L77" s="536"/>
    </row>
    <row r="78" spans="1:13" ht="10.5" x14ac:dyDescent="0.2">
      <c r="A78" s="26" t="s">
        <v>55</v>
      </c>
      <c r="B78" s="409"/>
      <c r="C78" s="419"/>
      <c r="D78" s="409"/>
      <c r="E78" s="419"/>
      <c r="F78" s="409"/>
      <c r="G78" s="419"/>
      <c r="H78" s="409">
        <v>0</v>
      </c>
      <c r="I78" s="409"/>
      <c r="J78" s="419"/>
      <c r="K78" s="536">
        <v>0</v>
      </c>
      <c r="L78" s="536"/>
    </row>
    <row r="79" spans="1:13" ht="10.5" x14ac:dyDescent="0.2">
      <c r="A79" s="57" t="s">
        <v>56</v>
      </c>
      <c r="B79" s="409"/>
      <c r="C79" s="419"/>
      <c r="D79" s="409"/>
      <c r="E79" s="419"/>
      <c r="F79" s="409"/>
      <c r="G79" s="419"/>
      <c r="H79" s="409">
        <v>0</v>
      </c>
      <c r="I79" s="409"/>
      <c r="J79" s="419"/>
      <c r="K79" s="536">
        <v>0</v>
      </c>
      <c r="L79" s="536"/>
    </row>
    <row r="80" spans="1:13" ht="10.5" x14ac:dyDescent="0.2">
      <c r="A80" s="144" t="s">
        <v>311</v>
      </c>
      <c r="B80" s="409"/>
      <c r="C80" s="419"/>
      <c r="D80" s="409"/>
      <c r="E80" s="419"/>
      <c r="F80" s="409"/>
      <c r="G80" s="419"/>
      <c r="H80" s="409">
        <v>0</v>
      </c>
      <c r="I80" s="409"/>
      <c r="J80" s="419"/>
      <c r="K80" s="536">
        <v>0</v>
      </c>
      <c r="L80" s="536"/>
    </row>
    <row r="81" spans="1:13" ht="10.5" x14ac:dyDescent="0.2">
      <c r="A81" s="26" t="s">
        <v>55</v>
      </c>
      <c r="B81" s="409"/>
      <c r="C81" s="419"/>
      <c r="D81" s="409"/>
      <c r="E81" s="419"/>
      <c r="F81" s="409"/>
      <c r="G81" s="419"/>
      <c r="H81" s="409">
        <v>0</v>
      </c>
      <c r="I81" s="409"/>
      <c r="J81" s="419"/>
      <c r="K81" s="536">
        <v>0</v>
      </c>
      <c r="L81" s="536"/>
    </row>
    <row r="82" spans="1:13" ht="10.5" x14ac:dyDescent="0.2">
      <c r="A82" s="57" t="s">
        <v>56</v>
      </c>
      <c r="B82" s="412"/>
      <c r="C82" s="420"/>
      <c r="D82" s="412"/>
      <c r="E82" s="420"/>
      <c r="F82" s="412"/>
      <c r="G82" s="420"/>
      <c r="H82" s="409">
        <v>0</v>
      </c>
      <c r="I82" s="412"/>
      <c r="J82" s="420"/>
      <c r="K82" s="535">
        <v>0</v>
      </c>
      <c r="L82" s="535"/>
    </row>
    <row r="83" spans="1:13" ht="10.5" x14ac:dyDescent="0.2">
      <c r="A83" s="146" t="s">
        <v>57</v>
      </c>
      <c r="B83" s="657">
        <v>13057110000</v>
      </c>
      <c r="C83" s="658"/>
      <c r="D83" s="657">
        <v>13249315516.900002</v>
      </c>
      <c r="E83" s="658"/>
      <c r="F83" s="657">
        <v>2134831950.0899997</v>
      </c>
      <c r="G83" s="658"/>
      <c r="H83" s="415">
        <v>16.112771617272912</v>
      </c>
      <c r="I83" s="657">
        <v>8126977753.2400007</v>
      </c>
      <c r="J83" s="658"/>
      <c r="K83" s="421">
        <v>61.338849866423175</v>
      </c>
      <c r="L83" s="415">
        <v>5122337763.6600008</v>
      </c>
      <c r="M83" s="25"/>
    </row>
    <row r="84" spans="1:13" ht="10.5" x14ac:dyDescent="0.2">
      <c r="A84" s="147" t="s">
        <v>84</v>
      </c>
      <c r="B84" s="657">
        <v>0</v>
      </c>
      <c r="C84" s="658"/>
      <c r="D84" s="657">
        <v>0</v>
      </c>
      <c r="E84" s="658"/>
      <c r="F84" s="657">
        <v>0</v>
      </c>
      <c r="G84" s="658"/>
      <c r="H84" s="415">
        <v>0</v>
      </c>
      <c r="I84" s="657">
        <v>258216546.14999962</v>
      </c>
      <c r="J84" s="658"/>
      <c r="K84" s="422">
        <v>0</v>
      </c>
      <c r="L84" s="539">
        <v>0</v>
      </c>
    </row>
    <row r="85" spans="1:13" ht="15" customHeight="1" x14ac:dyDescent="0.2">
      <c r="A85" s="24" t="s">
        <v>85</v>
      </c>
      <c r="B85" s="669">
        <v>13057110000</v>
      </c>
      <c r="C85" s="670"/>
      <c r="D85" s="669">
        <v>13249315516.900002</v>
      </c>
      <c r="E85" s="670"/>
      <c r="F85" s="669">
        <v>2134831950.0899997</v>
      </c>
      <c r="G85" s="670"/>
      <c r="H85" s="532">
        <v>16.112771617272912</v>
      </c>
      <c r="I85" s="669">
        <v>8385194299.3900003</v>
      </c>
      <c r="J85" s="670"/>
      <c r="K85" s="532">
        <v>63.28775466698162</v>
      </c>
      <c r="L85" s="423">
        <v>5122337763.6600008</v>
      </c>
    </row>
    <row r="86" spans="1:13" ht="21" x14ac:dyDescent="0.2">
      <c r="A86" s="332" t="s">
        <v>58</v>
      </c>
      <c r="B86" s="705">
        <v>0</v>
      </c>
      <c r="C86" s="706"/>
      <c r="D86" s="663">
        <v>0</v>
      </c>
      <c r="E86" s="671"/>
      <c r="F86" s="663">
        <v>0</v>
      </c>
      <c r="G86" s="671"/>
      <c r="H86" s="424">
        <v>0</v>
      </c>
      <c r="I86" s="663">
        <v>0</v>
      </c>
      <c r="J86" s="671"/>
      <c r="K86" s="424">
        <v>0</v>
      </c>
      <c r="L86" s="533" t="s">
        <v>156</v>
      </c>
    </row>
    <row r="87" spans="1:13" ht="10.5" x14ac:dyDescent="0.2">
      <c r="A87" s="333" t="s">
        <v>355</v>
      </c>
      <c r="B87" s="705">
        <v>0</v>
      </c>
      <c r="C87" s="706"/>
      <c r="D87" s="663">
        <v>0</v>
      </c>
      <c r="E87" s="671"/>
      <c r="F87" s="663">
        <v>0</v>
      </c>
      <c r="G87" s="671"/>
      <c r="H87" s="424">
        <v>0</v>
      </c>
      <c r="I87" s="663">
        <v>0</v>
      </c>
      <c r="J87" s="671"/>
      <c r="K87" s="424">
        <v>0</v>
      </c>
      <c r="L87" s="533" t="s">
        <v>156</v>
      </c>
    </row>
    <row r="88" spans="1:13" ht="10.5" x14ac:dyDescent="0.2">
      <c r="A88" s="334" t="s">
        <v>354</v>
      </c>
      <c r="B88" s="663">
        <v>0</v>
      </c>
      <c r="C88" s="671"/>
      <c r="D88" s="663">
        <v>0</v>
      </c>
      <c r="E88" s="671"/>
      <c r="F88" s="663">
        <v>0</v>
      </c>
      <c r="G88" s="671"/>
      <c r="H88" s="424">
        <v>0</v>
      </c>
      <c r="I88" s="663">
        <v>0</v>
      </c>
      <c r="J88" s="671"/>
      <c r="K88" s="424">
        <v>0</v>
      </c>
      <c r="L88" s="533" t="s">
        <v>156</v>
      </c>
    </row>
    <row r="89" spans="1:13" ht="5.0999999999999996" customHeight="1" x14ac:dyDescent="0.2">
      <c r="F89" s="58"/>
      <c r="G89" s="58"/>
      <c r="H89" s="58"/>
      <c r="I89" s="58"/>
      <c r="J89" s="58"/>
      <c r="K89" s="58"/>
      <c r="L89" s="58"/>
    </row>
    <row r="90" spans="1:13" ht="5.0999999999999996" customHeight="1" x14ac:dyDescent="0.2">
      <c r="E90" s="440"/>
      <c r="F90" s="58"/>
      <c r="G90" s="390"/>
      <c r="H90" s="390"/>
      <c r="I90" s="390"/>
      <c r="J90" s="58"/>
      <c r="K90" s="58"/>
      <c r="L90" s="58"/>
    </row>
    <row r="91" spans="1:13" ht="14.25" customHeight="1" x14ac:dyDescent="0.2">
      <c r="A91" s="702" t="s">
        <v>867</v>
      </c>
      <c r="B91" s="59" t="s">
        <v>157</v>
      </c>
      <c r="C91" s="59" t="s">
        <v>157</v>
      </c>
      <c r="D91" s="712" t="s">
        <v>158</v>
      </c>
      <c r="E91" s="720"/>
      <c r="F91" s="667" t="s">
        <v>161</v>
      </c>
      <c r="G91" s="712" t="s">
        <v>159</v>
      </c>
      <c r="H91" s="713"/>
      <c r="I91" s="667" t="s">
        <v>161</v>
      </c>
      <c r="J91" s="700" t="s">
        <v>538</v>
      </c>
      <c r="K91" s="714" t="s">
        <v>639</v>
      </c>
      <c r="L91" s="715"/>
    </row>
    <row r="92" spans="1:13" ht="27" customHeight="1" x14ac:dyDescent="0.15">
      <c r="A92" s="703"/>
      <c r="B92" s="60" t="s">
        <v>111</v>
      </c>
      <c r="C92" s="60" t="s">
        <v>112</v>
      </c>
      <c r="D92" s="435" t="s">
        <v>433</v>
      </c>
      <c r="E92" s="435" t="s">
        <v>434</v>
      </c>
      <c r="F92" s="668"/>
      <c r="G92" s="435" t="s">
        <v>433</v>
      </c>
      <c r="H92" s="436" t="s">
        <v>434</v>
      </c>
      <c r="I92" s="668"/>
      <c r="J92" s="701"/>
      <c r="K92" s="716"/>
      <c r="L92" s="717"/>
    </row>
    <row r="93" spans="1:13" ht="10.5" x14ac:dyDescent="0.2">
      <c r="A93" s="703"/>
      <c r="B93" s="60"/>
      <c r="C93" s="60"/>
      <c r="D93" s="62" t="s">
        <v>121</v>
      </c>
      <c r="E93" s="62" t="s">
        <v>121</v>
      </c>
      <c r="F93" s="668"/>
      <c r="G93" s="62" t="s">
        <v>121</v>
      </c>
      <c r="H93" s="62" t="s">
        <v>121</v>
      </c>
      <c r="I93" s="668"/>
      <c r="J93" s="701"/>
      <c r="K93" s="716"/>
      <c r="L93" s="717"/>
    </row>
    <row r="94" spans="1:13" s="377" customFormat="1" ht="12" customHeight="1" x14ac:dyDescent="0.2">
      <c r="A94" s="704"/>
      <c r="B94" s="374" t="s">
        <v>162</v>
      </c>
      <c r="C94" s="374" t="s">
        <v>163</v>
      </c>
      <c r="D94" s="376"/>
      <c r="E94" s="374" t="s">
        <v>233</v>
      </c>
      <c r="F94" s="375" t="s">
        <v>542</v>
      </c>
      <c r="G94" s="376"/>
      <c r="H94" s="374" t="s">
        <v>165</v>
      </c>
      <c r="I94" s="374" t="s">
        <v>543</v>
      </c>
      <c r="J94" s="374" t="s">
        <v>350</v>
      </c>
      <c r="K94" s="718"/>
      <c r="L94" s="719"/>
    </row>
    <row r="95" spans="1:13" s="45" customFormat="1" ht="10.5" x14ac:dyDescent="0.2">
      <c r="A95" s="149" t="s">
        <v>362</v>
      </c>
      <c r="B95" s="575">
        <v>12125839700</v>
      </c>
      <c r="C95" s="406">
        <v>12595746765.190002</v>
      </c>
      <c r="D95" s="406">
        <v>1061443774.9399999</v>
      </c>
      <c r="E95" s="406">
        <v>9663097609.9299984</v>
      </c>
      <c r="F95" s="406">
        <v>2932649155.260004</v>
      </c>
      <c r="G95" s="406">
        <v>1793796340.22</v>
      </c>
      <c r="H95" s="406">
        <v>7385822004.2700005</v>
      </c>
      <c r="I95" s="406">
        <v>5209924760.920002</v>
      </c>
      <c r="J95" s="406">
        <v>6940034544.2799988</v>
      </c>
      <c r="K95" s="679">
        <v>0</v>
      </c>
      <c r="L95" s="709"/>
    </row>
    <row r="96" spans="1:13" s="45" customFormat="1" ht="10.5" x14ac:dyDescent="0.2">
      <c r="A96" s="64" t="s">
        <v>86</v>
      </c>
      <c r="B96" s="575">
        <v>10009392800</v>
      </c>
      <c r="C96" s="406">
        <v>10690820225.310001</v>
      </c>
      <c r="D96" s="406">
        <v>839929724.67999995</v>
      </c>
      <c r="E96" s="406">
        <v>8338953439.4599991</v>
      </c>
      <c r="F96" s="406">
        <v>2351866785.8500004</v>
      </c>
      <c r="G96" s="406">
        <v>1577245325.6700001</v>
      </c>
      <c r="H96" s="406">
        <v>6595231726.9200001</v>
      </c>
      <c r="I96" s="406">
        <v>4095588498.3900003</v>
      </c>
      <c r="J96" s="406">
        <v>6164848926.5499992</v>
      </c>
      <c r="K96" s="665">
        <v>0</v>
      </c>
      <c r="L96" s="666"/>
    </row>
    <row r="97" spans="1:12" s="45" customFormat="1" ht="10.5" x14ac:dyDescent="0.2">
      <c r="A97" s="64" t="s">
        <v>87</v>
      </c>
      <c r="B97" s="408">
        <v>5134540600</v>
      </c>
      <c r="C97" s="408">
        <v>5667199397.8000002</v>
      </c>
      <c r="D97" s="408">
        <v>516332359.88</v>
      </c>
      <c r="E97" s="408">
        <v>4377252237.3199997</v>
      </c>
      <c r="F97" s="408">
        <v>1289947160.4800005</v>
      </c>
      <c r="G97" s="408">
        <v>818255381.32000005</v>
      </c>
      <c r="H97" s="408">
        <v>3770929731.98</v>
      </c>
      <c r="I97" s="408">
        <v>1896269665.8200002</v>
      </c>
      <c r="J97" s="408">
        <v>3486340619.4099998</v>
      </c>
      <c r="K97" s="659">
        <v>0</v>
      </c>
      <c r="L97" s="660"/>
    </row>
    <row r="98" spans="1:12" ht="10.5" x14ac:dyDescent="0.2">
      <c r="A98" s="64" t="s">
        <v>88</v>
      </c>
      <c r="B98" s="408">
        <v>267800700</v>
      </c>
      <c r="C98" s="408">
        <v>270028743</v>
      </c>
      <c r="D98" s="408">
        <v>2742980.9</v>
      </c>
      <c r="E98" s="408">
        <v>263578680.90000001</v>
      </c>
      <c r="F98" s="408">
        <v>6450062.099999994</v>
      </c>
      <c r="G98" s="408">
        <v>38814236.93</v>
      </c>
      <c r="H98" s="408">
        <v>161038150.19</v>
      </c>
      <c r="I98" s="408">
        <v>108990592.81</v>
      </c>
      <c r="J98" s="408">
        <v>161038150.19</v>
      </c>
      <c r="K98" s="659">
        <v>0</v>
      </c>
      <c r="L98" s="660"/>
    </row>
    <row r="99" spans="1:12" ht="10.5" x14ac:dyDescent="0.2">
      <c r="A99" s="64" t="s">
        <v>89</v>
      </c>
      <c r="B99" s="567">
        <v>4607051500</v>
      </c>
      <c r="C99" s="408">
        <v>4753592084.5100002</v>
      </c>
      <c r="D99" s="408">
        <v>320854383.89999998</v>
      </c>
      <c r="E99" s="408">
        <v>3698122521.2399998</v>
      </c>
      <c r="F99" s="408">
        <v>1055469563.27</v>
      </c>
      <c r="G99" s="408">
        <v>720175707.42000008</v>
      </c>
      <c r="H99" s="408">
        <v>2663263844.75</v>
      </c>
      <c r="I99" s="408">
        <v>2090328239.76</v>
      </c>
      <c r="J99" s="408">
        <v>2517470156.9499998</v>
      </c>
      <c r="K99" s="659">
        <v>0</v>
      </c>
      <c r="L99" s="660"/>
    </row>
    <row r="100" spans="1:12" ht="10.5" x14ac:dyDescent="0.2">
      <c r="A100" s="65" t="s">
        <v>738</v>
      </c>
      <c r="B100" s="408">
        <v>2079676200</v>
      </c>
      <c r="C100" s="408">
        <v>2045618094.5699999</v>
      </c>
      <c r="D100" s="408">
        <v>0</v>
      </c>
      <c r="E100" s="408">
        <v>1958993200</v>
      </c>
      <c r="F100" s="408">
        <v>86624894.569999933</v>
      </c>
      <c r="G100" s="408">
        <v>329952604.05000001</v>
      </c>
      <c r="H100" s="408">
        <v>1384511526.1300001</v>
      </c>
      <c r="I100" s="408">
        <v>661106568.43999982</v>
      </c>
      <c r="J100" s="408">
        <v>1353764390.24</v>
      </c>
      <c r="K100" s="659">
        <v>0</v>
      </c>
      <c r="L100" s="660"/>
    </row>
    <row r="101" spans="1:12" ht="10.5" x14ac:dyDescent="0.2">
      <c r="A101" s="65" t="s">
        <v>739</v>
      </c>
      <c r="B101" s="408">
        <v>2527375300</v>
      </c>
      <c r="C101" s="408">
        <v>2707973989.9400001</v>
      </c>
      <c r="D101" s="408">
        <v>320854383.89999998</v>
      </c>
      <c r="E101" s="408">
        <v>1739129321.24</v>
      </c>
      <c r="F101" s="408">
        <v>968844668.70000005</v>
      </c>
      <c r="G101" s="408">
        <v>390223103.37</v>
      </c>
      <c r="H101" s="408">
        <v>1278752318.6199999</v>
      </c>
      <c r="I101" s="408">
        <v>1429221671.3200002</v>
      </c>
      <c r="J101" s="408">
        <v>1163705766.71</v>
      </c>
      <c r="K101" s="659">
        <v>0</v>
      </c>
      <c r="L101" s="660"/>
    </row>
    <row r="102" spans="1:12" s="45" customFormat="1" ht="10.5" x14ac:dyDescent="0.2">
      <c r="A102" s="64" t="s">
        <v>90</v>
      </c>
      <c r="B102" s="575">
        <v>1999571700</v>
      </c>
      <c r="C102" s="406">
        <v>1867766580.8800001</v>
      </c>
      <c r="D102" s="406">
        <v>221514050.25999999</v>
      </c>
      <c r="E102" s="406">
        <v>1324144170.47</v>
      </c>
      <c r="F102" s="406">
        <v>543622410.41000009</v>
      </c>
      <c r="G102" s="406">
        <v>216551014.55000001</v>
      </c>
      <c r="H102" s="406">
        <v>790590277.35000002</v>
      </c>
      <c r="I102" s="406">
        <v>1077176303.5300002</v>
      </c>
      <c r="J102" s="406">
        <v>775185617.73000002</v>
      </c>
      <c r="K102" s="665">
        <v>0</v>
      </c>
      <c r="L102" s="666"/>
    </row>
    <row r="103" spans="1:12" ht="10.5" x14ac:dyDescent="0.2">
      <c r="A103" s="58" t="s">
        <v>91</v>
      </c>
      <c r="B103" s="408">
        <v>1222433500</v>
      </c>
      <c r="C103" s="408">
        <v>1198935680.8800001</v>
      </c>
      <c r="D103" s="408">
        <v>216048844.46000001</v>
      </c>
      <c r="E103" s="408">
        <v>660574964.25999999</v>
      </c>
      <c r="F103" s="408">
        <v>538360716.62000012</v>
      </c>
      <c r="G103" s="408">
        <v>71060801.340000004</v>
      </c>
      <c r="H103" s="408">
        <v>284382537.93000001</v>
      </c>
      <c r="I103" s="408">
        <v>914553142.95000005</v>
      </c>
      <c r="J103" s="408">
        <v>268977878.31</v>
      </c>
      <c r="K103" s="659">
        <v>0</v>
      </c>
      <c r="L103" s="660"/>
    </row>
    <row r="104" spans="1:12" ht="10.5" x14ac:dyDescent="0.2">
      <c r="A104" s="58" t="s">
        <v>92</v>
      </c>
      <c r="B104" s="408">
        <v>13788800</v>
      </c>
      <c r="C104" s="408">
        <v>2746474</v>
      </c>
      <c r="D104" s="408">
        <v>-33868.9</v>
      </c>
      <c r="E104" s="408">
        <v>467980.86</v>
      </c>
      <c r="F104" s="408">
        <v>2278493.14</v>
      </c>
      <c r="G104" s="408">
        <v>50000</v>
      </c>
      <c r="H104" s="408">
        <v>403376.49</v>
      </c>
      <c r="I104" s="408">
        <v>2343097.5099999998</v>
      </c>
      <c r="J104" s="408">
        <v>403376.49</v>
      </c>
      <c r="K104" s="659">
        <v>0</v>
      </c>
      <c r="L104" s="660"/>
    </row>
    <row r="105" spans="1:12" ht="10.5" x14ac:dyDescent="0.2">
      <c r="A105" s="58" t="s">
        <v>93</v>
      </c>
      <c r="B105" s="408">
        <v>763349400</v>
      </c>
      <c r="C105" s="408">
        <v>666084426</v>
      </c>
      <c r="D105" s="408">
        <v>5499074.7000000002</v>
      </c>
      <c r="E105" s="408">
        <v>663101225.35000002</v>
      </c>
      <c r="F105" s="408">
        <v>2983200.6499999762</v>
      </c>
      <c r="G105" s="408">
        <v>145440213.21000001</v>
      </c>
      <c r="H105" s="408">
        <v>505804362.93000001</v>
      </c>
      <c r="I105" s="408">
        <v>160280063.06999999</v>
      </c>
      <c r="J105" s="408">
        <v>505804362.93000001</v>
      </c>
      <c r="K105" s="659">
        <v>0</v>
      </c>
      <c r="L105" s="660"/>
    </row>
    <row r="106" spans="1:12" ht="10.5" x14ac:dyDescent="0.2">
      <c r="A106" s="58" t="s">
        <v>94</v>
      </c>
      <c r="B106" s="409">
        <v>87915000</v>
      </c>
      <c r="C106" s="576">
        <v>8199759</v>
      </c>
      <c r="D106" s="408">
        <v>0</v>
      </c>
      <c r="E106" s="408">
        <v>0</v>
      </c>
      <c r="F106" s="408">
        <v>8199759</v>
      </c>
      <c r="G106" s="408">
        <v>0</v>
      </c>
      <c r="H106" s="408">
        <v>0</v>
      </c>
      <c r="I106" s="408">
        <v>8199759</v>
      </c>
      <c r="J106" s="408">
        <v>0</v>
      </c>
      <c r="K106" s="659">
        <v>0</v>
      </c>
      <c r="L106" s="660"/>
    </row>
    <row r="107" spans="1:12" ht="10.5" x14ac:dyDescent="0.2">
      <c r="A107" s="58" t="s">
        <v>95</v>
      </c>
      <c r="B107" s="409">
        <v>28960200</v>
      </c>
      <c r="C107" s="408">
        <v>28960200</v>
      </c>
      <c r="D107" s="408">
        <v>0</v>
      </c>
      <c r="E107" s="408">
        <v>0</v>
      </c>
      <c r="F107" s="408">
        <v>28960200</v>
      </c>
      <c r="G107" s="408">
        <v>0</v>
      </c>
      <c r="H107" s="408">
        <v>0</v>
      </c>
      <c r="I107" s="408">
        <v>28960200</v>
      </c>
      <c r="J107" s="408">
        <v>0</v>
      </c>
      <c r="K107" s="659">
        <v>0</v>
      </c>
      <c r="L107" s="660"/>
    </row>
    <row r="108" spans="1:12" s="45" customFormat="1" ht="10.5" x14ac:dyDescent="0.2">
      <c r="A108" s="64" t="s">
        <v>96</v>
      </c>
      <c r="B108" s="407">
        <v>931270300</v>
      </c>
      <c r="C108" s="407">
        <v>1233533819.8099999</v>
      </c>
      <c r="D108" s="407">
        <v>248200530.23000002</v>
      </c>
      <c r="E108" s="407">
        <v>1147711465.77</v>
      </c>
      <c r="F108" s="407">
        <v>85822354.039999962</v>
      </c>
      <c r="G108" s="407">
        <v>264997108.12</v>
      </c>
      <c r="H108" s="407">
        <v>999372295.12</v>
      </c>
      <c r="I108" s="407">
        <v>234161524.68999994</v>
      </c>
      <c r="J108" s="407">
        <v>913349560.95000005</v>
      </c>
      <c r="K108" s="661">
        <v>0</v>
      </c>
      <c r="L108" s="662"/>
    </row>
    <row r="109" spans="1:12" s="45" customFormat="1" ht="10.5" x14ac:dyDescent="0.2">
      <c r="A109" s="115" t="s">
        <v>97</v>
      </c>
      <c r="B109" s="531">
        <v>13057110000</v>
      </c>
      <c r="C109" s="531">
        <v>13829280585.000002</v>
      </c>
      <c r="D109" s="531">
        <v>1309644305.1700001</v>
      </c>
      <c r="E109" s="531">
        <v>10810809075.699999</v>
      </c>
      <c r="F109" s="531">
        <v>3018471509.300004</v>
      </c>
      <c r="G109" s="531">
        <v>2058793448.3400002</v>
      </c>
      <c r="H109" s="531">
        <v>8385194299.3900003</v>
      </c>
      <c r="I109" s="531">
        <v>5444086285.6100016</v>
      </c>
      <c r="J109" s="531">
        <v>7853384105.2299986</v>
      </c>
      <c r="K109" s="663">
        <v>0</v>
      </c>
      <c r="L109" s="664"/>
    </row>
    <row r="110" spans="1:12" ht="10.5" x14ac:dyDescent="0.2">
      <c r="A110" s="308" t="s">
        <v>363</v>
      </c>
      <c r="B110" s="416">
        <v>0</v>
      </c>
      <c r="C110" s="416">
        <v>0</v>
      </c>
      <c r="D110" s="416">
        <v>0</v>
      </c>
      <c r="E110" s="416">
        <v>0</v>
      </c>
      <c r="F110" s="416">
        <v>0</v>
      </c>
      <c r="G110" s="416">
        <v>0</v>
      </c>
      <c r="H110" s="416">
        <v>0</v>
      </c>
      <c r="I110" s="416">
        <v>0</v>
      </c>
      <c r="J110" s="416">
        <v>0</v>
      </c>
      <c r="K110" s="663">
        <v>0</v>
      </c>
      <c r="L110" s="664"/>
    </row>
    <row r="111" spans="1:12" s="45" customFormat="1" ht="10.5" customHeight="1" x14ac:dyDescent="0.2">
      <c r="A111" s="144" t="s">
        <v>3</v>
      </c>
      <c r="B111" s="537">
        <v>0</v>
      </c>
      <c r="C111" s="537">
        <v>0</v>
      </c>
      <c r="D111" s="537">
        <v>0</v>
      </c>
      <c r="E111" s="537">
        <v>0</v>
      </c>
      <c r="F111" s="537">
        <v>0</v>
      </c>
      <c r="G111" s="537">
        <v>0</v>
      </c>
      <c r="H111" s="537">
        <v>0</v>
      </c>
      <c r="I111" s="537">
        <v>0</v>
      </c>
      <c r="J111" s="537">
        <v>0</v>
      </c>
      <c r="K111" s="679">
        <v>0</v>
      </c>
      <c r="L111" s="709"/>
    </row>
    <row r="112" spans="1:12" ht="10.5" customHeight="1" x14ac:dyDescent="0.2">
      <c r="A112" s="26" t="s">
        <v>1</v>
      </c>
      <c r="B112" s="409"/>
      <c r="C112" s="409"/>
      <c r="D112" s="408"/>
      <c r="E112" s="409"/>
      <c r="F112" s="408"/>
      <c r="G112" s="536"/>
      <c r="H112" s="536"/>
      <c r="I112" s="536"/>
      <c r="J112" s="408"/>
      <c r="K112" s="659"/>
      <c r="L112" s="660"/>
    </row>
    <row r="113" spans="1:12" ht="10.5" customHeight="1" x14ac:dyDescent="0.2">
      <c r="A113" s="26" t="s">
        <v>2</v>
      </c>
      <c r="B113" s="409"/>
      <c r="C113" s="409"/>
      <c r="D113" s="408"/>
      <c r="E113" s="409"/>
      <c r="F113" s="408"/>
      <c r="G113" s="536"/>
      <c r="H113" s="536"/>
      <c r="I113" s="536"/>
      <c r="J113" s="408"/>
      <c r="K113" s="659"/>
      <c r="L113" s="660"/>
    </row>
    <row r="114" spans="1:12" s="45" customFormat="1" ht="10.5" customHeight="1" x14ac:dyDescent="0.2">
      <c r="A114" s="144" t="s">
        <v>4</v>
      </c>
      <c r="B114" s="537">
        <v>0</v>
      </c>
      <c r="C114" s="537">
        <v>0</v>
      </c>
      <c r="D114" s="537">
        <v>0</v>
      </c>
      <c r="E114" s="537">
        <v>0</v>
      </c>
      <c r="F114" s="537">
        <v>0</v>
      </c>
      <c r="G114" s="537">
        <v>0</v>
      </c>
      <c r="H114" s="537">
        <v>0</v>
      </c>
      <c r="I114" s="537">
        <v>0</v>
      </c>
      <c r="J114" s="537">
        <v>0</v>
      </c>
      <c r="K114" s="665">
        <v>0</v>
      </c>
      <c r="L114" s="666"/>
    </row>
    <row r="115" spans="1:12" ht="10.5" customHeight="1" x14ac:dyDescent="0.2">
      <c r="A115" s="26" t="s">
        <v>1</v>
      </c>
      <c r="B115" s="409"/>
      <c r="C115" s="409"/>
      <c r="D115" s="408"/>
      <c r="E115" s="409"/>
      <c r="F115" s="408"/>
      <c r="G115" s="536"/>
      <c r="H115" s="536"/>
      <c r="I115" s="536"/>
      <c r="J115" s="408"/>
      <c r="K115" s="659"/>
      <c r="L115" s="660"/>
    </row>
    <row r="116" spans="1:12" ht="10.5" customHeight="1" x14ac:dyDescent="0.2">
      <c r="A116" s="27" t="s">
        <v>2</v>
      </c>
      <c r="B116" s="412"/>
      <c r="C116" s="412"/>
      <c r="D116" s="411"/>
      <c r="E116" s="412"/>
      <c r="F116" s="411"/>
      <c r="G116" s="535"/>
      <c r="H116" s="535"/>
      <c r="I116" s="535"/>
      <c r="J116" s="411"/>
      <c r="K116" s="710"/>
      <c r="L116" s="711"/>
    </row>
    <row r="117" spans="1:12" ht="10.5" x14ac:dyDescent="0.2">
      <c r="A117" s="148" t="s">
        <v>98</v>
      </c>
      <c r="B117" s="577">
        <v>13057110000</v>
      </c>
      <c r="C117" s="577">
        <v>13829280585.000002</v>
      </c>
      <c r="D117" s="577">
        <v>1309644305.1700001</v>
      </c>
      <c r="E117" s="577">
        <v>10810809075.699999</v>
      </c>
      <c r="F117" s="577">
        <v>3018471509.300004</v>
      </c>
      <c r="G117" s="577">
        <v>2058793448.3400002</v>
      </c>
      <c r="H117" s="577">
        <v>8385194299.3900003</v>
      </c>
      <c r="I117" s="577">
        <v>5444086285.6100016</v>
      </c>
      <c r="J117" s="577">
        <v>7853384105.2299986</v>
      </c>
      <c r="K117" s="657">
        <v>0</v>
      </c>
      <c r="L117" s="707"/>
    </row>
    <row r="118" spans="1:12" ht="10.5" x14ac:dyDescent="0.2">
      <c r="A118" s="148" t="s">
        <v>99</v>
      </c>
      <c r="B118" s="531"/>
      <c r="C118" s="531"/>
      <c r="D118" s="531"/>
      <c r="E118" s="531"/>
      <c r="F118" s="531"/>
      <c r="G118" s="531"/>
      <c r="H118" s="534">
        <v>0</v>
      </c>
      <c r="I118" s="415"/>
      <c r="J118" s="578"/>
      <c r="K118" s="707"/>
      <c r="L118" s="707"/>
    </row>
    <row r="119" spans="1:12" ht="15" customHeight="1" x14ac:dyDescent="0.2">
      <c r="A119" s="63" t="s">
        <v>100</v>
      </c>
      <c r="B119" s="579">
        <v>13057110000</v>
      </c>
      <c r="C119" s="579">
        <v>13829280585.000002</v>
      </c>
      <c r="D119" s="579">
        <v>1309644305.1700001</v>
      </c>
      <c r="E119" s="579">
        <v>10810809075.699999</v>
      </c>
      <c r="F119" s="532">
        <v>3018471509.300004</v>
      </c>
      <c r="G119" s="532">
        <v>2058793448.3400002</v>
      </c>
      <c r="H119" s="580">
        <v>8385194299.3900003</v>
      </c>
      <c r="I119" s="532">
        <v>5444086285.6100016</v>
      </c>
      <c r="J119" s="532">
        <v>7853384105.2299986</v>
      </c>
      <c r="K119" s="669">
        <v>0</v>
      </c>
      <c r="L119" s="708"/>
    </row>
    <row r="120" spans="1:12" ht="11.25" customHeight="1" x14ac:dyDescent="0.2">
      <c r="A120" s="46" t="s">
        <v>862</v>
      </c>
      <c r="K120" s="699"/>
      <c r="L120" s="699"/>
    </row>
    <row r="121" spans="1:12" ht="11.25" customHeight="1" x14ac:dyDescent="0.2">
      <c r="D121" s="201"/>
    </row>
    <row r="122" spans="1:12" ht="11.25" customHeight="1" x14ac:dyDescent="0.2">
      <c r="B122" s="201"/>
      <c r="C122" s="201"/>
      <c r="D122" s="201"/>
      <c r="G122" s="201"/>
    </row>
    <row r="123" spans="1:12" ht="11.25" customHeight="1" x14ac:dyDescent="0.2">
      <c r="C123" s="201"/>
      <c r="D123" s="201"/>
      <c r="E123" s="201"/>
      <c r="G123" s="201"/>
      <c r="H123" s="201"/>
    </row>
    <row r="124" spans="1:12" ht="11.25" customHeight="1" x14ac:dyDescent="0.2">
      <c r="B124" s="201"/>
      <c r="D124" s="201"/>
    </row>
    <row r="125" spans="1:12" ht="11.25" customHeight="1" x14ac:dyDescent="0.2">
      <c r="B125" s="201"/>
      <c r="D125" s="201"/>
      <c r="E125" s="201"/>
    </row>
    <row r="126" spans="1:12" ht="11.25" customHeight="1" x14ac:dyDescent="0.2">
      <c r="B126" s="201"/>
      <c r="D126" s="201"/>
    </row>
    <row r="127" spans="1:12" ht="11.25" customHeight="1" x14ac:dyDescent="0.2">
      <c r="D127" s="201"/>
    </row>
  </sheetData>
  <dataConsolidate/>
  <customSheetViews>
    <customSheetView guid="{6DBFA32C-4AA4-4E1D-9A48-697377C64CC3}" showPageBreaks="1" showGridLines="0" fitToPage="1" printArea="1">
      <selection activeCell="A7" sqref="A7:L7"/>
      <rowBreaks count="1" manualBreakCount="1">
        <brk id="97" max="16383" man="1"/>
      </rowBreaks>
      <pageMargins left="0.19685039370078741" right="0.19685039370078741" top="0.39370078740157483" bottom="0.19685039370078741" header="0" footer="0"/>
      <printOptions horizontalCentered="1"/>
      <pageSetup paperSize="9" scale="37" fitToHeight="2" orientation="portrait" r:id="rId1"/>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2"/>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3"/>
      <headerFooter alignWithMargins="0"/>
    </customSheetView>
    <customSheetView guid="{82EDB5A4-4824-4632-A540-7A52C92F04C7}" scale="85" showPageBreaks="1" showGridLines="0" fitToPage="1" topLeftCell="A70">
      <selection activeCell="B97" sqref="B97"/>
      <rowBreaks count="1" manualBreakCount="1">
        <brk id="97" max="16383" man="1"/>
      </rowBreaks>
      <pageMargins left="0.19685039370078741" right="0.19685039370078741" top="0.39370078740157483" bottom="0.19685039370078741" header="0" footer="0"/>
      <printOptions horizontalCentered="1"/>
      <pageSetup paperSize="9" scale="37" fitToHeight="2" orientation="portrait" r:id="rId4"/>
      <headerFooter alignWithMargins="0"/>
    </customSheetView>
    <customSheetView guid="{C779D862-DE28-46CD-A428-4AAA1056D1E1}" showPageBreaks="1" showGridLines="0" fitToPage="1" printArea="1">
      <rowBreaks count="1" manualBreakCount="1">
        <brk id="97" max="16383" man="1"/>
      </rowBreaks>
      <pageMargins left="0.19685039370078741" right="0.19685039370078741" top="0.39370078740157483" bottom="0.19685039370078741" header="0" footer="0"/>
      <printOptions horizontalCentered="1"/>
      <pageSetup paperSize="9" scale="36" fitToHeight="2" orientation="portrait" r:id="rId5"/>
      <headerFooter alignWithMargins="0"/>
    </customSheetView>
    <customSheetView guid="{25EF1E0D-169B-4051-B414-7E1196FC05E4}" showPageBreaks="1" showGridLines="0" fitToPage="1" printArea="1" topLeftCell="D112">
      <selection activeCell="K119" sqref="K119:L119"/>
      <rowBreaks count="1" manualBreakCount="1">
        <brk id="97" max="16383" man="1"/>
      </rowBreaks>
      <pageMargins left="0.19685039370078741" right="0.19685039370078741" top="0.59055118110236227" bottom="0.19685039370078741" header="0" footer="0"/>
      <printOptions horizontalCentered="1"/>
      <pageSetup paperSize="9" scale="36" fitToHeight="2" orientation="portrait" r:id="rId6"/>
      <headerFooter alignWithMargins="0"/>
    </customSheetView>
    <customSheetView guid="{3AAF6A5F-F9AA-430B-9AD9-1261ECDF41B5}" scale="85" showPageBreaks="1" showGridLines="0" fitToPage="1" topLeftCell="A70">
      <selection activeCell="E102" sqref="E102"/>
      <rowBreaks count="1" manualBreakCount="1">
        <brk id="97" max="16383" man="1"/>
      </rowBreaks>
      <pageMargins left="0.19685039370078741" right="0.19685039370078741" top="0.39370078740157483" bottom="0.19685039370078741" header="0" footer="0"/>
      <printOptions horizontalCentered="1"/>
      <pageSetup paperSize="9" scale="36" fitToHeight="2" orientation="portrait" r:id="rId7"/>
      <headerFooter alignWithMargins="0"/>
    </customSheetView>
  </customSheetViews>
  <mergeCells count="327">
    <mergeCell ref="B85:C85"/>
    <mergeCell ref="I85:J85"/>
    <mergeCell ref="B86:C86"/>
    <mergeCell ref="K98:L98"/>
    <mergeCell ref="K99:L99"/>
    <mergeCell ref="K100:L100"/>
    <mergeCell ref="K101:L101"/>
    <mergeCell ref="G91:H91"/>
    <mergeCell ref="K91:L94"/>
    <mergeCell ref="K95:L95"/>
    <mergeCell ref="K97:L97"/>
    <mergeCell ref="D91:E91"/>
    <mergeCell ref="F86:G86"/>
    <mergeCell ref="K120:L120"/>
    <mergeCell ref="K96:L96"/>
    <mergeCell ref="J91:J93"/>
    <mergeCell ref="I87:J87"/>
    <mergeCell ref="I88:J88"/>
    <mergeCell ref="F88:G88"/>
    <mergeCell ref="A91:A94"/>
    <mergeCell ref="B88:C88"/>
    <mergeCell ref="B87:C87"/>
    <mergeCell ref="K109:L109"/>
    <mergeCell ref="K118:L118"/>
    <mergeCell ref="K119:L119"/>
    <mergeCell ref="F87:G87"/>
    <mergeCell ref="K117:L117"/>
    <mergeCell ref="K111:L111"/>
    <mergeCell ref="K112:L112"/>
    <mergeCell ref="K113:L113"/>
    <mergeCell ref="K114:L114"/>
    <mergeCell ref="K115:L115"/>
    <mergeCell ref="K116:L116"/>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B15:C15"/>
    <mergeCell ref="B21:C21"/>
    <mergeCell ref="B13:C13"/>
    <mergeCell ref="D13:E13"/>
    <mergeCell ref="F13:G13"/>
    <mergeCell ref="I13:J13"/>
    <mergeCell ref="B14:C14"/>
    <mergeCell ref="D14:E14"/>
    <mergeCell ref="F15:G15"/>
    <mergeCell ref="F14:G14"/>
    <mergeCell ref="I15:J15"/>
    <mergeCell ref="I14:J14"/>
    <mergeCell ref="D15:E15"/>
    <mergeCell ref="I19:J19"/>
    <mergeCell ref="F19:G19"/>
    <mergeCell ref="D19:E19"/>
    <mergeCell ref="B19:C19"/>
    <mergeCell ref="B20:C20"/>
    <mergeCell ref="D20:E20"/>
    <mergeCell ref="F20:G20"/>
    <mergeCell ref="I20:J20"/>
    <mergeCell ref="D21:E21"/>
    <mergeCell ref="F21:G21"/>
    <mergeCell ref="I16:J16"/>
    <mergeCell ref="D22:E22"/>
    <mergeCell ref="F22:G22"/>
    <mergeCell ref="I21:J21"/>
    <mergeCell ref="I22:J22"/>
    <mergeCell ref="B28:C28"/>
    <mergeCell ref="D28:E28"/>
    <mergeCell ref="F28:G28"/>
    <mergeCell ref="I28:J28"/>
    <mergeCell ref="B23:C23"/>
    <mergeCell ref="D23:E23"/>
    <mergeCell ref="F23:G23"/>
    <mergeCell ref="I23:J23"/>
    <mergeCell ref="B24:C24"/>
    <mergeCell ref="D24:E24"/>
    <mergeCell ref="F24:G24"/>
    <mergeCell ref="I24:J24"/>
    <mergeCell ref="B25:C25"/>
    <mergeCell ref="D25:E25"/>
    <mergeCell ref="F25:G25"/>
    <mergeCell ref="I27:J27"/>
    <mergeCell ref="B22:C22"/>
    <mergeCell ref="B17:C17"/>
    <mergeCell ref="D17:E17"/>
    <mergeCell ref="F17:G17"/>
    <mergeCell ref="I17:J17"/>
    <mergeCell ref="I18:J18"/>
    <mergeCell ref="B18:C18"/>
    <mergeCell ref="D18:E18"/>
    <mergeCell ref="F18:G18"/>
    <mergeCell ref="B16:C16"/>
    <mergeCell ref="D16:E16"/>
    <mergeCell ref="F16:G16"/>
    <mergeCell ref="B32:C32"/>
    <mergeCell ref="D32:E32"/>
    <mergeCell ref="F32:G32"/>
    <mergeCell ref="I32:J32"/>
    <mergeCell ref="I25:J25"/>
    <mergeCell ref="B26:C26"/>
    <mergeCell ref="D26:E26"/>
    <mergeCell ref="F26:G26"/>
    <mergeCell ref="I26:J26"/>
    <mergeCell ref="B31:C31"/>
    <mergeCell ref="D31:E31"/>
    <mergeCell ref="F31:G31"/>
    <mergeCell ref="I31:J31"/>
    <mergeCell ref="B29:C29"/>
    <mergeCell ref="D29:E29"/>
    <mergeCell ref="F29:G29"/>
    <mergeCell ref="I29:J29"/>
    <mergeCell ref="B30:C30"/>
    <mergeCell ref="D30:E30"/>
    <mergeCell ref="F30:G30"/>
    <mergeCell ref="I30:J30"/>
    <mergeCell ref="B27:C27"/>
    <mergeCell ref="D27:E27"/>
    <mergeCell ref="F27:G27"/>
    <mergeCell ref="I33:J33"/>
    <mergeCell ref="B34:C34"/>
    <mergeCell ref="D34:E34"/>
    <mergeCell ref="F34:G34"/>
    <mergeCell ref="I34:J34"/>
    <mergeCell ref="B33:C33"/>
    <mergeCell ref="D33:E33"/>
    <mergeCell ref="F33:G33"/>
    <mergeCell ref="B37:C37"/>
    <mergeCell ref="D37:E37"/>
    <mergeCell ref="F37:G37"/>
    <mergeCell ref="I37:J37"/>
    <mergeCell ref="B36:C36"/>
    <mergeCell ref="D36:E36"/>
    <mergeCell ref="F36:G36"/>
    <mergeCell ref="I36:J36"/>
    <mergeCell ref="B39:C39"/>
    <mergeCell ref="D39:E39"/>
    <mergeCell ref="F39:G39"/>
    <mergeCell ref="I39:J39"/>
    <mergeCell ref="B40:C40"/>
    <mergeCell ref="D40:E40"/>
    <mergeCell ref="F40:G40"/>
    <mergeCell ref="I40:J40"/>
    <mergeCell ref="B35:C35"/>
    <mergeCell ref="D35:E35"/>
    <mergeCell ref="F35:G35"/>
    <mergeCell ref="I35:J35"/>
    <mergeCell ref="B38:C38"/>
    <mergeCell ref="D38:E38"/>
    <mergeCell ref="F38:G38"/>
    <mergeCell ref="I38:J38"/>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75:C75"/>
    <mergeCell ref="F75:G75"/>
    <mergeCell ref="I75:J75"/>
    <mergeCell ref="B76:C76"/>
    <mergeCell ref="D76:E76"/>
    <mergeCell ref="F76:G76"/>
    <mergeCell ref="I76:J76"/>
    <mergeCell ref="D75:E75"/>
    <mergeCell ref="B73:C73"/>
    <mergeCell ref="D73:E73"/>
    <mergeCell ref="F73:G73"/>
    <mergeCell ref="I73:J73"/>
    <mergeCell ref="B74:C74"/>
    <mergeCell ref="D74:E74"/>
    <mergeCell ref="F74:G74"/>
    <mergeCell ref="I74:J74"/>
    <mergeCell ref="B84:C84"/>
    <mergeCell ref="D84:E84"/>
    <mergeCell ref="F84:G84"/>
    <mergeCell ref="F83:G83"/>
    <mergeCell ref="K107:L107"/>
    <mergeCell ref="K108:L108"/>
    <mergeCell ref="K110:L110"/>
    <mergeCell ref="K102:L102"/>
    <mergeCell ref="K103:L103"/>
    <mergeCell ref="K104:L104"/>
    <mergeCell ref="K105:L105"/>
    <mergeCell ref="K106:L106"/>
    <mergeCell ref="B83:C83"/>
    <mergeCell ref="I83:J83"/>
    <mergeCell ref="F91:F93"/>
    <mergeCell ref="I91:I93"/>
    <mergeCell ref="D83:E83"/>
    <mergeCell ref="F85:G85"/>
    <mergeCell ref="D86:E86"/>
    <mergeCell ref="I86:J86"/>
    <mergeCell ref="D88:E88"/>
    <mergeCell ref="D85:E85"/>
    <mergeCell ref="D87:E87"/>
    <mergeCell ref="I84:J84"/>
  </mergeCells>
  <phoneticPr fontId="1" type="noConversion"/>
  <printOptions horizontalCentered="1"/>
  <pageMargins left="0.19685039370078741" right="0.19685039370078741" top="0.59055118110236227" bottom="0.19685039370078741" header="0" footer="0"/>
  <pageSetup paperSize="9" scale="36" fitToHeight="2" orientation="portrait" r:id="rId8"/>
  <headerFooter alignWithMargins="0"/>
  <rowBreaks count="1" manualBreakCount="1">
    <brk id="97" max="16383" man="1"/>
  </rowBreaks>
  <drawing r:id="rId9"/>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tabColor rgb="FF92D050"/>
    <pageSetUpPr fitToPage="1"/>
  </sheetPr>
  <dimension ref="A1:M104"/>
  <sheetViews>
    <sheetView showGridLines="0" zoomScaleNormal="100" workbookViewId="0">
      <selection activeCell="G30" sqref="G30"/>
    </sheetView>
  </sheetViews>
  <sheetFormatPr defaultColWidth="3.28515625" defaultRowHeight="11.25" customHeight="1" x14ac:dyDescent="0.2"/>
  <cols>
    <col min="1" max="1" width="56.7109375" style="46" customWidth="1"/>
    <col min="2" max="3" width="19.140625" style="46" customWidth="1"/>
    <col min="4" max="4" width="20.140625" style="46" customWidth="1"/>
    <col min="5" max="5" width="16" style="46" bestFit="1" customWidth="1"/>
    <col min="6" max="6" width="16.85546875" style="46" bestFit="1" customWidth="1"/>
    <col min="7" max="7" width="18.140625" style="46" bestFit="1" customWidth="1"/>
    <col min="8" max="8" width="14.28515625" style="1" bestFit="1" customWidth="1"/>
    <col min="9" max="9" width="8" style="1" bestFit="1" customWidth="1"/>
    <col min="10" max="10" width="3.28515625" style="1"/>
    <col min="11" max="11" width="22.5703125" style="1" customWidth="1"/>
    <col min="12" max="12" width="13.5703125" style="1" customWidth="1"/>
    <col min="13" max="16384" width="3.28515625" style="1"/>
  </cols>
  <sheetData>
    <row r="1" spans="1:7" s="23" customFormat="1" ht="14.25" x14ac:dyDescent="0.2">
      <c r="A1" s="331"/>
      <c r="B1" s="331"/>
      <c r="C1" s="331"/>
      <c r="D1" s="331"/>
      <c r="E1" s="331"/>
      <c r="F1" s="331"/>
      <c r="G1" s="331"/>
    </row>
    <row r="2" spans="1:7" s="23" customFormat="1" ht="14.25" x14ac:dyDescent="0.2">
      <c r="A2" s="331"/>
      <c r="B2" s="331"/>
      <c r="C2" s="331"/>
      <c r="D2" s="331"/>
      <c r="E2" s="331"/>
      <c r="F2" s="331"/>
      <c r="G2" s="331"/>
    </row>
    <row r="3" spans="1:7" s="46" customFormat="1" ht="10.5" x14ac:dyDescent="0.2">
      <c r="A3" s="681" t="s">
        <v>641</v>
      </c>
      <c r="B3" s="681"/>
      <c r="C3" s="681"/>
      <c r="D3" s="681"/>
      <c r="E3" s="681"/>
      <c r="F3" s="681"/>
      <c r="G3" s="681"/>
    </row>
    <row r="4" spans="1:7" s="46" customFormat="1" ht="10.5" x14ac:dyDescent="0.2">
      <c r="A4" s="681" t="s">
        <v>105</v>
      </c>
      <c r="B4" s="681"/>
      <c r="C4" s="681"/>
      <c r="D4" s="681"/>
      <c r="E4" s="681"/>
      <c r="F4" s="681"/>
      <c r="G4" s="681"/>
    </row>
    <row r="5" spans="1:7" s="46" customFormat="1" ht="10.5" x14ac:dyDescent="0.2">
      <c r="A5" s="681" t="s">
        <v>211</v>
      </c>
      <c r="B5" s="681"/>
      <c r="C5" s="681"/>
      <c r="D5" s="681"/>
      <c r="E5" s="681"/>
      <c r="F5" s="681"/>
      <c r="G5" s="681"/>
    </row>
    <row r="6" spans="1:7" s="46" customFormat="1" ht="10.5" customHeight="1" x14ac:dyDescent="0.2">
      <c r="A6" s="681" t="s">
        <v>107</v>
      </c>
      <c r="B6" s="681"/>
      <c r="C6" s="681"/>
      <c r="D6" s="681"/>
      <c r="E6" s="681"/>
      <c r="F6" s="681"/>
      <c r="G6" s="681"/>
    </row>
    <row r="7" spans="1:7" s="46" customFormat="1" ht="10.5" customHeight="1" x14ac:dyDescent="0.2">
      <c r="A7" s="681" t="s">
        <v>879</v>
      </c>
      <c r="B7" s="681"/>
      <c r="C7" s="681"/>
      <c r="D7" s="681"/>
      <c r="E7" s="681"/>
      <c r="F7" s="681"/>
      <c r="G7" s="681"/>
    </row>
    <row r="8" spans="1:7" s="23" customFormat="1" ht="10.5" x14ac:dyDescent="0.2"/>
    <row r="9" spans="1:7" s="23" customFormat="1" ht="10.5" x14ac:dyDescent="0.2">
      <c r="A9" s="124" t="s">
        <v>368</v>
      </c>
      <c r="G9" s="225">
        <v>1</v>
      </c>
    </row>
    <row r="10" spans="1:7" ht="15" customHeight="1" x14ac:dyDescent="0.2">
      <c r="A10" s="741" t="s">
        <v>213</v>
      </c>
      <c r="B10" s="690" t="s">
        <v>314</v>
      </c>
      <c r="C10" s="691"/>
      <c r="D10" s="691"/>
      <c r="E10" s="691"/>
      <c r="F10" s="691"/>
      <c r="G10" s="691"/>
    </row>
    <row r="11" spans="1:7" ht="15" customHeight="1" x14ac:dyDescent="0.2">
      <c r="A11" s="744"/>
      <c r="B11" s="690" t="s">
        <v>212</v>
      </c>
      <c r="C11" s="830"/>
      <c r="D11" s="742" t="s">
        <v>431</v>
      </c>
      <c r="E11" s="742" t="s">
        <v>218</v>
      </c>
      <c r="F11" s="742" t="s">
        <v>217</v>
      </c>
      <c r="G11" s="831" t="s">
        <v>430</v>
      </c>
    </row>
    <row r="12" spans="1:7" ht="10.5" customHeight="1" x14ac:dyDescent="0.2">
      <c r="A12" s="744"/>
      <c r="B12" s="211" t="s">
        <v>313</v>
      </c>
      <c r="C12" s="209" t="s">
        <v>214</v>
      </c>
      <c r="D12" s="768"/>
      <c r="E12" s="768"/>
      <c r="F12" s="768"/>
      <c r="G12" s="832"/>
    </row>
    <row r="13" spans="1:7" ht="10.5" x14ac:dyDescent="0.2">
      <c r="A13" s="744"/>
      <c r="B13" s="209" t="s">
        <v>215</v>
      </c>
      <c r="C13" s="209" t="s">
        <v>216</v>
      </c>
      <c r="D13" s="768"/>
      <c r="E13" s="768"/>
      <c r="F13" s="768"/>
      <c r="G13" s="832" t="s">
        <v>116</v>
      </c>
    </row>
    <row r="14" spans="1:7" ht="13.5" customHeight="1" x14ac:dyDescent="0.2">
      <c r="A14" s="745"/>
      <c r="B14" s="207" t="s">
        <v>219</v>
      </c>
      <c r="C14" s="207">
        <v>2014</v>
      </c>
      <c r="D14" s="743"/>
      <c r="E14" s="743"/>
      <c r="F14" s="743"/>
      <c r="G14" s="833"/>
    </row>
    <row r="15" spans="1:7" s="68" customFormat="1" ht="15" customHeight="1" x14ac:dyDescent="0.2">
      <c r="A15" s="216" t="s">
        <v>101</v>
      </c>
      <c r="B15" s="324">
        <v>1188473.26</v>
      </c>
      <c r="C15" s="324">
        <v>111982821.17999999</v>
      </c>
      <c r="D15" s="324">
        <v>3496321.0900000003</v>
      </c>
      <c r="E15" s="324">
        <v>47191918.68</v>
      </c>
      <c r="F15" s="324">
        <v>37928898.400000006</v>
      </c>
      <c r="G15" s="550">
        <v>28050477.360000003</v>
      </c>
    </row>
    <row r="16" spans="1:7" ht="10.5" x14ac:dyDescent="0.2">
      <c r="A16" s="23"/>
      <c r="B16" s="470"/>
      <c r="C16" s="470"/>
      <c r="D16" s="470"/>
      <c r="E16" s="470"/>
      <c r="F16" s="549"/>
      <c r="G16" s="549"/>
    </row>
    <row r="17" spans="1:7" s="68" customFormat="1" ht="10.5" x14ac:dyDescent="0.2">
      <c r="A17" s="216" t="s">
        <v>770</v>
      </c>
      <c r="B17" s="324">
        <v>1188473.26</v>
      </c>
      <c r="C17" s="324">
        <v>97720106.319999993</v>
      </c>
      <c r="D17" s="324">
        <v>3449775.24</v>
      </c>
      <c r="E17" s="595">
        <v>36192459.919999994</v>
      </c>
      <c r="F17" s="324">
        <v>36399227.740000002</v>
      </c>
      <c r="G17" s="545">
        <v>26316891.920000002</v>
      </c>
    </row>
    <row r="18" spans="1:7" ht="10.5" x14ac:dyDescent="0.2">
      <c r="A18" s="23"/>
      <c r="B18" s="470"/>
      <c r="C18" s="470"/>
      <c r="D18" s="470"/>
      <c r="E18" s="470"/>
      <c r="F18" s="549"/>
      <c r="G18" s="549"/>
    </row>
    <row r="19" spans="1:7" s="68" customFormat="1" ht="10.5" x14ac:dyDescent="0.2">
      <c r="A19" s="227" t="s">
        <v>771</v>
      </c>
      <c r="B19" s="324">
        <v>0</v>
      </c>
      <c r="C19" s="324">
        <v>0</v>
      </c>
      <c r="D19" s="324">
        <v>0</v>
      </c>
      <c r="E19" s="324">
        <v>0</v>
      </c>
      <c r="F19" s="324">
        <v>0</v>
      </c>
      <c r="G19" s="545">
        <v>0</v>
      </c>
    </row>
    <row r="20" spans="1:7" ht="10.5" x14ac:dyDescent="0.2">
      <c r="A20" s="125" t="s">
        <v>772</v>
      </c>
      <c r="B20" s="324"/>
      <c r="C20" s="596">
        <v>0</v>
      </c>
      <c r="D20" s="596">
        <v>0</v>
      </c>
      <c r="E20" s="596">
        <v>0</v>
      </c>
      <c r="F20" s="597"/>
      <c r="G20" s="545">
        <v>0</v>
      </c>
    </row>
    <row r="21" spans="1:7" ht="10.5" x14ac:dyDescent="0.2">
      <c r="A21" s="125" t="s">
        <v>773</v>
      </c>
      <c r="B21" s="324"/>
      <c r="C21" s="470">
        <v>0</v>
      </c>
      <c r="D21" s="470">
        <v>0</v>
      </c>
      <c r="E21" s="470">
        <v>0</v>
      </c>
      <c r="F21" s="549"/>
      <c r="G21" s="545">
        <v>0</v>
      </c>
    </row>
    <row r="22" spans="1:7" ht="10.5" x14ac:dyDescent="0.2">
      <c r="A22" s="125" t="s">
        <v>774</v>
      </c>
      <c r="B22" s="324"/>
      <c r="C22" s="470">
        <v>0</v>
      </c>
      <c r="D22" s="470">
        <v>0</v>
      </c>
      <c r="E22" s="470">
        <v>0</v>
      </c>
      <c r="F22" s="549"/>
      <c r="G22" s="545">
        <v>0</v>
      </c>
    </row>
    <row r="23" spans="1:7" ht="10.5" x14ac:dyDescent="0.2">
      <c r="A23" s="23"/>
      <c r="B23" s="324"/>
      <c r="C23" s="470"/>
      <c r="D23" s="470"/>
      <c r="E23" s="470"/>
      <c r="F23" s="549"/>
      <c r="G23" s="549"/>
    </row>
    <row r="24" spans="1:7" s="68" customFormat="1" ht="10.5" x14ac:dyDescent="0.2">
      <c r="A24" s="227" t="s">
        <v>775</v>
      </c>
      <c r="B24" s="324">
        <v>0</v>
      </c>
      <c r="C24" s="324">
        <v>8303103.4199999999</v>
      </c>
      <c r="D24" s="324">
        <v>26153.009999999995</v>
      </c>
      <c r="E24" s="324">
        <v>6911925.1600000001</v>
      </c>
      <c r="F24" s="324">
        <v>1154215.6000000001</v>
      </c>
      <c r="G24" s="545">
        <v>236962.65999999968</v>
      </c>
    </row>
    <row r="25" spans="1:7" ht="10.5" x14ac:dyDescent="0.2">
      <c r="A25" s="125" t="s">
        <v>776</v>
      </c>
      <c r="B25" s="324"/>
      <c r="C25" s="470">
        <v>0</v>
      </c>
      <c r="D25" s="470">
        <v>0</v>
      </c>
      <c r="E25" s="470">
        <v>0</v>
      </c>
      <c r="F25" s="549">
        <v>0</v>
      </c>
      <c r="G25" s="549">
        <v>0</v>
      </c>
    </row>
    <row r="26" spans="1:7" s="215" customFormat="1" ht="10.5" x14ac:dyDescent="0.2">
      <c r="A26" s="125" t="s">
        <v>777</v>
      </c>
      <c r="B26" s="324">
        <v>0</v>
      </c>
      <c r="C26" s="470">
        <v>8303103.4199999999</v>
      </c>
      <c r="D26" s="470">
        <v>26153.009999999995</v>
      </c>
      <c r="E26" s="470">
        <v>6911925.1600000001</v>
      </c>
      <c r="F26" s="549">
        <v>1154215.6000000001</v>
      </c>
      <c r="G26" s="549">
        <v>236962.65999999968</v>
      </c>
    </row>
    <row r="27" spans="1:7" s="215" customFormat="1" ht="10.5" x14ac:dyDescent="0.2">
      <c r="A27" s="23"/>
      <c r="B27" s="324"/>
      <c r="C27" s="470"/>
      <c r="D27" s="470"/>
      <c r="E27" s="470"/>
      <c r="F27" s="549"/>
      <c r="G27" s="549"/>
    </row>
    <row r="28" spans="1:7" s="68" customFormat="1" ht="10.5" x14ac:dyDescent="0.2">
      <c r="A28" s="227" t="s">
        <v>230</v>
      </c>
      <c r="B28" s="324">
        <v>0</v>
      </c>
      <c r="C28" s="324">
        <v>5959611.4399999995</v>
      </c>
      <c r="D28" s="324">
        <v>20392.840000000298</v>
      </c>
      <c r="E28" s="324">
        <v>4087533.6</v>
      </c>
      <c r="F28" s="324">
        <v>375455.06</v>
      </c>
      <c r="G28" s="545">
        <v>1496622.7800000003</v>
      </c>
    </row>
    <row r="29" spans="1:7" s="215" customFormat="1" ht="10.5" x14ac:dyDescent="0.2">
      <c r="A29" s="125" t="s">
        <v>778</v>
      </c>
      <c r="B29" s="324"/>
      <c r="C29" s="470">
        <v>4964530.92</v>
      </c>
      <c r="D29" s="470">
        <v>19622.820000000298</v>
      </c>
      <c r="E29" s="470">
        <v>3960275.65</v>
      </c>
      <c r="F29" s="549">
        <v>375412.41</v>
      </c>
      <c r="G29" s="549">
        <v>628842.8600000001</v>
      </c>
    </row>
    <row r="30" spans="1:7" s="215" customFormat="1" ht="10.5" x14ac:dyDescent="0.2">
      <c r="A30" s="125" t="s">
        <v>779</v>
      </c>
      <c r="B30" s="324"/>
      <c r="C30" s="470">
        <v>995080.52</v>
      </c>
      <c r="D30" s="470">
        <v>770.02</v>
      </c>
      <c r="E30" s="470">
        <v>127257.95</v>
      </c>
      <c r="F30" s="549">
        <v>42.65</v>
      </c>
      <c r="G30" s="549">
        <v>867779.92</v>
      </c>
    </row>
    <row r="31" spans="1:7" s="215" customFormat="1" ht="10.5" x14ac:dyDescent="0.2">
      <c r="A31" s="23"/>
      <c r="B31" s="324"/>
      <c r="C31" s="470"/>
      <c r="D31" s="470"/>
      <c r="E31" s="470"/>
      <c r="F31" s="549"/>
      <c r="G31" s="545">
        <v>0</v>
      </c>
    </row>
    <row r="32" spans="1:7" s="68" customFormat="1" ht="10.5" x14ac:dyDescent="0.2">
      <c r="A32" s="227" t="s">
        <v>102</v>
      </c>
      <c r="B32" s="324">
        <v>0</v>
      </c>
      <c r="C32" s="324">
        <v>335264.88</v>
      </c>
      <c r="D32" s="324">
        <v>0</v>
      </c>
      <c r="E32" s="324">
        <v>0</v>
      </c>
      <c r="F32" s="324">
        <v>335264.88</v>
      </c>
      <c r="G32" s="545">
        <v>0</v>
      </c>
    </row>
    <row r="33" spans="1:13" s="215" customFormat="1" ht="10.5" x14ac:dyDescent="0.2">
      <c r="A33" s="227"/>
      <c r="B33" s="324"/>
      <c r="C33" s="470"/>
      <c r="D33" s="470"/>
      <c r="E33" s="470"/>
      <c r="F33" s="549"/>
      <c r="G33" s="545">
        <v>0</v>
      </c>
    </row>
    <row r="34" spans="1:13" s="68" customFormat="1" ht="10.5" x14ac:dyDescent="0.2">
      <c r="A34" s="227" t="s">
        <v>770</v>
      </c>
      <c r="B34" s="324">
        <v>0</v>
      </c>
      <c r="C34" s="324">
        <v>335264.88</v>
      </c>
      <c r="D34" s="324">
        <v>0</v>
      </c>
      <c r="E34" s="324">
        <v>0</v>
      </c>
      <c r="F34" s="545">
        <v>335264.88</v>
      </c>
      <c r="G34" s="545">
        <v>0</v>
      </c>
    </row>
    <row r="35" spans="1:13" s="215" customFormat="1" ht="10.5" x14ac:dyDescent="0.2">
      <c r="A35" s="227"/>
      <c r="B35" s="324"/>
      <c r="C35" s="470"/>
      <c r="D35" s="470"/>
      <c r="E35" s="470"/>
      <c r="F35" s="549"/>
      <c r="G35" s="549"/>
    </row>
    <row r="36" spans="1:13" s="68" customFormat="1" ht="10.5" x14ac:dyDescent="0.2">
      <c r="A36" s="227" t="s">
        <v>771</v>
      </c>
      <c r="B36" s="324">
        <v>0</v>
      </c>
      <c r="C36" s="324">
        <v>0</v>
      </c>
      <c r="D36" s="324">
        <v>0</v>
      </c>
      <c r="E36" s="324">
        <v>0</v>
      </c>
      <c r="F36" s="324">
        <v>0</v>
      </c>
      <c r="G36" s="545">
        <v>0</v>
      </c>
    </row>
    <row r="37" spans="1:13" s="215" customFormat="1" ht="10.5" x14ac:dyDescent="0.2">
      <c r="A37" s="125" t="s">
        <v>772</v>
      </c>
      <c r="B37" s="324"/>
      <c r="C37" s="470"/>
      <c r="D37" s="470"/>
      <c r="E37" s="470"/>
      <c r="F37" s="549"/>
      <c r="G37" s="545">
        <v>0</v>
      </c>
    </row>
    <row r="38" spans="1:13" s="215" customFormat="1" ht="10.5" x14ac:dyDescent="0.2">
      <c r="A38" s="125" t="s">
        <v>773</v>
      </c>
      <c r="B38" s="324"/>
      <c r="C38" s="470"/>
      <c r="D38" s="470"/>
      <c r="E38" s="470"/>
      <c r="F38" s="549"/>
      <c r="G38" s="545">
        <v>0</v>
      </c>
    </row>
    <row r="39" spans="1:13" s="215" customFormat="1" ht="10.5" x14ac:dyDescent="0.2">
      <c r="A39" s="125" t="s">
        <v>774</v>
      </c>
      <c r="B39" s="324"/>
      <c r="C39" s="470"/>
      <c r="D39" s="470"/>
      <c r="E39" s="470"/>
      <c r="F39" s="549"/>
      <c r="G39" s="545">
        <v>0</v>
      </c>
    </row>
    <row r="40" spans="1:13" s="215" customFormat="1" ht="10.5" x14ac:dyDescent="0.2">
      <c r="A40" s="125"/>
      <c r="B40" s="324"/>
      <c r="C40" s="470"/>
      <c r="D40" s="470"/>
      <c r="E40" s="470"/>
      <c r="F40" s="549"/>
      <c r="G40" s="545"/>
    </row>
    <row r="41" spans="1:13" s="68" customFormat="1" ht="10.5" x14ac:dyDescent="0.2">
      <c r="A41" s="227" t="s">
        <v>775</v>
      </c>
      <c r="B41" s="324">
        <v>0</v>
      </c>
      <c r="C41" s="324">
        <v>0</v>
      </c>
      <c r="D41" s="324">
        <v>0</v>
      </c>
      <c r="E41" s="324">
        <v>0</v>
      </c>
      <c r="F41" s="324">
        <v>0</v>
      </c>
      <c r="G41" s="545">
        <v>0</v>
      </c>
    </row>
    <row r="42" spans="1:13" s="215" customFormat="1" ht="10.5" x14ac:dyDescent="0.2">
      <c r="A42" s="125" t="s">
        <v>776</v>
      </c>
      <c r="B42" s="324"/>
      <c r="C42" s="470"/>
      <c r="D42" s="470"/>
      <c r="E42" s="470"/>
      <c r="F42" s="549"/>
      <c r="G42" s="545">
        <v>0</v>
      </c>
    </row>
    <row r="43" spans="1:13" s="215" customFormat="1" ht="10.5" x14ac:dyDescent="0.2">
      <c r="A43" s="125" t="s">
        <v>777</v>
      </c>
      <c r="B43" s="324"/>
      <c r="C43" s="470"/>
      <c r="D43" s="470"/>
      <c r="E43" s="470"/>
      <c r="F43" s="549"/>
      <c r="G43" s="545">
        <v>0</v>
      </c>
    </row>
    <row r="44" spans="1:13" s="215" customFormat="1" ht="10.5" x14ac:dyDescent="0.2">
      <c r="A44" s="125"/>
      <c r="B44" s="324"/>
      <c r="C44" s="470"/>
      <c r="D44" s="470"/>
      <c r="E44" s="470"/>
      <c r="F44" s="549"/>
      <c r="G44" s="545"/>
    </row>
    <row r="45" spans="1:13" s="68" customFormat="1" ht="10.5" x14ac:dyDescent="0.2">
      <c r="A45" s="227" t="s">
        <v>230</v>
      </c>
      <c r="B45" s="324">
        <v>0</v>
      </c>
      <c r="C45" s="324">
        <v>0</v>
      </c>
      <c r="D45" s="324">
        <v>0</v>
      </c>
      <c r="E45" s="324">
        <v>0</v>
      </c>
      <c r="F45" s="324">
        <v>0</v>
      </c>
      <c r="G45" s="545">
        <v>0</v>
      </c>
    </row>
    <row r="46" spans="1:13" s="215" customFormat="1" ht="10.5" x14ac:dyDescent="0.2">
      <c r="A46" s="125" t="s">
        <v>778</v>
      </c>
      <c r="B46" s="470"/>
      <c r="C46" s="470"/>
      <c r="D46" s="470"/>
      <c r="E46" s="470"/>
      <c r="F46" s="549"/>
      <c r="G46" s="545">
        <v>0</v>
      </c>
      <c r="H46" s="68"/>
      <c r="I46" s="68"/>
      <c r="J46" s="68"/>
      <c r="K46" s="68"/>
      <c r="L46" s="68"/>
      <c r="M46" s="68"/>
    </row>
    <row r="47" spans="1:13" ht="15" customHeight="1" x14ac:dyDescent="0.2">
      <c r="A47" s="125" t="s">
        <v>779</v>
      </c>
      <c r="B47" s="470"/>
      <c r="C47" s="470"/>
      <c r="D47" s="470"/>
      <c r="E47" s="470"/>
      <c r="F47" s="549"/>
      <c r="G47" s="545">
        <v>0</v>
      </c>
      <c r="H47" s="68"/>
      <c r="I47" s="68"/>
      <c r="J47" s="68"/>
      <c r="K47" s="68"/>
      <c r="L47" s="68"/>
      <c r="M47" s="68"/>
    </row>
    <row r="48" spans="1:13" ht="15" customHeight="1" x14ac:dyDescent="0.2">
      <c r="A48" s="24" t="s">
        <v>222</v>
      </c>
      <c r="B48" s="423">
        <v>1188473.26</v>
      </c>
      <c r="C48" s="423">
        <v>112318086.05999999</v>
      </c>
      <c r="D48" s="341">
        <v>3496321.0900000003</v>
      </c>
      <c r="E48" s="341">
        <v>47191918.68</v>
      </c>
      <c r="F48" s="341">
        <v>38264163.280000009</v>
      </c>
      <c r="G48" s="541">
        <v>28050477.360000003</v>
      </c>
      <c r="H48" s="68"/>
      <c r="I48" s="68"/>
      <c r="J48" s="68"/>
      <c r="K48" s="68"/>
      <c r="L48" s="68"/>
      <c r="M48" s="68"/>
    </row>
    <row r="49" spans="1:13" ht="10.5" x14ac:dyDescent="0.2">
      <c r="A49" s="67"/>
      <c r="B49" s="309"/>
      <c r="C49" s="1"/>
      <c r="D49" s="201"/>
      <c r="E49" s="201"/>
      <c r="F49" s="1"/>
      <c r="G49" s="110"/>
      <c r="H49" s="68"/>
      <c r="I49" s="68"/>
      <c r="J49" s="68"/>
      <c r="K49" s="68"/>
      <c r="L49" s="68"/>
      <c r="M49" s="68"/>
    </row>
    <row r="50" spans="1:13" ht="30" customHeight="1" x14ac:dyDescent="0.2">
      <c r="A50" s="741" t="s">
        <v>213</v>
      </c>
      <c r="B50" s="756" t="s">
        <v>537</v>
      </c>
      <c r="C50" s="758"/>
      <c r="D50" s="758"/>
      <c r="E50" s="758"/>
      <c r="F50" s="757"/>
      <c r="G50" s="754" t="s">
        <v>456</v>
      </c>
      <c r="H50" s="68"/>
      <c r="I50" s="68"/>
      <c r="J50" s="68"/>
      <c r="K50" s="68"/>
      <c r="L50" s="68"/>
      <c r="M50" s="68"/>
    </row>
    <row r="51" spans="1:13" ht="15" customHeight="1" x14ac:dyDescent="0.2">
      <c r="A51" s="744"/>
      <c r="B51" s="690" t="s">
        <v>212</v>
      </c>
      <c r="C51" s="830"/>
      <c r="D51" s="742" t="s">
        <v>218</v>
      </c>
      <c r="E51" s="742" t="s">
        <v>217</v>
      </c>
      <c r="F51" s="831" t="s">
        <v>430</v>
      </c>
      <c r="G51" s="762"/>
      <c r="H51" s="68"/>
      <c r="I51" s="68"/>
      <c r="J51" s="68"/>
      <c r="K51" s="68"/>
      <c r="L51" s="68"/>
      <c r="M51" s="68"/>
    </row>
    <row r="52" spans="1:13" ht="11.25" customHeight="1" x14ac:dyDescent="0.2">
      <c r="A52" s="744"/>
      <c r="B52" s="205" t="s">
        <v>313</v>
      </c>
      <c r="C52" s="206" t="s">
        <v>214</v>
      </c>
      <c r="D52" s="768"/>
      <c r="E52" s="768"/>
      <c r="F52" s="832"/>
      <c r="G52" s="762"/>
      <c r="H52" s="68"/>
      <c r="I52" s="68"/>
      <c r="J52" s="68"/>
      <c r="K52" s="68"/>
      <c r="L52" s="68"/>
      <c r="M52" s="68"/>
    </row>
    <row r="53" spans="1:13" ht="11.25" customHeight="1" x14ac:dyDescent="0.2">
      <c r="A53" s="744"/>
      <c r="B53" s="209" t="s">
        <v>215</v>
      </c>
      <c r="C53" s="209" t="s">
        <v>216</v>
      </c>
      <c r="D53" s="768"/>
      <c r="E53" s="768"/>
      <c r="F53" s="832" t="s">
        <v>117</v>
      </c>
      <c r="G53" s="762"/>
      <c r="H53" s="68"/>
      <c r="I53" s="68"/>
      <c r="J53" s="68"/>
      <c r="K53" s="68"/>
      <c r="L53" s="68"/>
      <c r="M53" s="68"/>
    </row>
    <row r="54" spans="1:13" ht="11.25" customHeight="1" x14ac:dyDescent="0.2">
      <c r="A54" s="745"/>
      <c r="B54" s="207" t="s">
        <v>219</v>
      </c>
      <c r="C54" s="207">
        <v>2014</v>
      </c>
      <c r="D54" s="743"/>
      <c r="E54" s="743"/>
      <c r="F54" s="833"/>
      <c r="G54" s="755"/>
      <c r="H54" s="68"/>
      <c r="I54" s="68"/>
      <c r="J54" s="68"/>
      <c r="K54" s="68"/>
      <c r="L54" s="68"/>
      <c r="M54" s="68"/>
    </row>
    <row r="55" spans="1:13" s="68" customFormat="1" ht="14.25" customHeight="1" x14ac:dyDescent="0.2">
      <c r="A55" s="216" t="s">
        <v>101</v>
      </c>
      <c r="B55" s="324">
        <v>31084643.720000003</v>
      </c>
      <c r="C55" s="324">
        <v>99141210.299999997</v>
      </c>
      <c r="D55" s="324">
        <v>80149294.209999993</v>
      </c>
      <c r="E55" s="324">
        <v>0</v>
      </c>
      <c r="F55" s="324">
        <v>50076559.810000002</v>
      </c>
      <c r="G55" s="325">
        <v>78127037.170000002</v>
      </c>
    </row>
    <row r="56" spans="1:13" s="215" customFormat="1" ht="11.25" customHeight="1" x14ac:dyDescent="0.2">
      <c r="A56" s="23"/>
      <c r="B56" s="324"/>
      <c r="C56" s="465"/>
      <c r="D56" s="465"/>
      <c r="E56" s="465"/>
      <c r="F56" s="465"/>
      <c r="G56" s="443"/>
    </row>
    <row r="57" spans="1:13" s="68" customFormat="1" ht="11.25" customHeight="1" x14ac:dyDescent="0.2">
      <c r="A57" s="216" t="s">
        <v>770</v>
      </c>
      <c r="B57" s="324">
        <v>31084643.720000003</v>
      </c>
      <c r="C57" s="529">
        <v>76589981.140000001</v>
      </c>
      <c r="D57" s="529">
        <v>57602620.75</v>
      </c>
      <c r="E57" s="406">
        <v>0</v>
      </c>
      <c r="F57" s="406">
        <v>50072004.109999999</v>
      </c>
      <c r="G57" s="325">
        <v>76388896.030000001</v>
      </c>
    </row>
    <row r="58" spans="1:13" s="215" customFormat="1" ht="11.25" customHeight="1" x14ac:dyDescent="0.2">
      <c r="A58" s="23"/>
      <c r="B58" s="324"/>
      <c r="C58" s="465"/>
      <c r="D58" s="465"/>
      <c r="E58" s="465"/>
      <c r="F58" s="465"/>
      <c r="G58" s="443"/>
    </row>
    <row r="59" spans="1:13" s="68" customFormat="1" ht="11.25" customHeight="1" x14ac:dyDescent="0.2">
      <c r="A59" s="227" t="s">
        <v>771</v>
      </c>
      <c r="B59" s="324">
        <v>0</v>
      </c>
      <c r="C59" s="324">
        <v>4496578.2600000007</v>
      </c>
      <c r="D59" s="324">
        <v>4496578.2600000007</v>
      </c>
      <c r="E59" s="324">
        <v>0</v>
      </c>
      <c r="F59" s="324">
        <v>0</v>
      </c>
      <c r="G59" s="325">
        <v>0</v>
      </c>
    </row>
    <row r="60" spans="1:13" s="215" customFormat="1" ht="11.25" customHeight="1" x14ac:dyDescent="0.2">
      <c r="A60" s="125" t="s">
        <v>772</v>
      </c>
      <c r="B60" s="324"/>
      <c r="C60" s="465"/>
      <c r="D60" s="465"/>
      <c r="E60" s="465"/>
      <c r="F60" s="408">
        <v>0</v>
      </c>
      <c r="G60" s="325">
        <v>0</v>
      </c>
    </row>
    <row r="61" spans="1:13" s="215" customFormat="1" ht="11.25" customHeight="1" x14ac:dyDescent="0.2">
      <c r="A61" s="125" t="s">
        <v>773</v>
      </c>
      <c r="B61" s="324"/>
      <c r="C61" s="465">
        <v>4492853.9800000004</v>
      </c>
      <c r="D61" s="465">
        <v>4492853.9800000004</v>
      </c>
      <c r="E61" s="465"/>
      <c r="F61" s="408">
        <v>0</v>
      </c>
      <c r="G61" s="325">
        <v>0</v>
      </c>
    </row>
    <row r="62" spans="1:13" s="215" customFormat="1" ht="11.25" customHeight="1" x14ac:dyDescent="0.2">
      <c r="A62" s="125" t="s">
        <v>774</v>
      </c>
      <c r="B62" s="324"/>
      <c r="C62" s="465">
        <v>3724.28</v>
      </c>
      <c r="D62" s="465">
        <v>3724.28</v>
      </c>
      <c r="E62" s="465"/>
      <c r="F62" s="408">
        <v>0</v>
      </c>
      <c r="G62" s="325">
        <v>0</v>
      </c>
    </row>
    <row r="63" spans="1:13" s="215" customFormat="1" ht="11.25" customHeight="1" x14ac:dyDescent="0.2">
      <c r="A63" s="23"/>
      <c r="B63" s="324"/>
      <c r="C63" s="465"/>
      <c r="D63" s="465"/>
      <c r="E63" s="465"/>
      <c r="F63" s="465"/>
      <c r="G63" s="443"/>
    </row>
    <row r="64" spans="1:13" s="68" customFormat="1" ht="11.25" customHeight="1" x14ac:dyDescent="0.2">
      <c r="A64" s="227" t="s">
        <v>775</v>
      </c>
      <c r="B64" s="324">
        <v>0</v>
      </c>
      <c r="C64" s="324">
        <v>17939858.209999997</v>
      </c>
      <c r="D64" s="324">
        <v>17935302.509999998</v>
      </c>
      <c r="E64" s="324">
        <v>0</v>
      </c>
      <c r="F64" s="324">
        <v>4555.7000000000116</v>
      </c>
      <c r="G64" s="325">
        <v>241518.35999999969</v>
      </c>
    </row>
    <row r="65" spans="1:7" s="215" customFormat="1" ht="11.25" customHeight="1" x14ac:dyDescent="0.2">
      <c r="A65" s="125" t="s">
        <v>776</v>
      </c>
      <c r="B65" s="324"/>
      <c r="C65" s="465">
        <v>17501177.579999998</v>
      </c>
      <c r="D65" s="465">
        <v>17501155.579999998</v>
      </c>
      <c r="E65" s="465"/>
      <c r="F65" s="408">
        <v>22</v>
      </c>
      <c r="G65" s="443">
        <v>22</v>
      </c>
    </row>
    <row r="66" spans="1:7" s="215" customFormat="1" ht="11.25" customHeight="1" x14ac:dyDescent="0.2">
      <c r="A66" s="125" t="s">
        <v>777</v>
      </c>
      <c r="B66" s="324"/>
      <c r="C66" s="465">
        <v>438680.63</v>
      </c>
      <c r="D66" s="465">
        <v>434146.93</v>
      </c>
      <c r="E66" s="465"/>
      <c r="F66" s="408">
        <v>4533.7000000000116</v>
      </c>
      <c r="G66" s="443">
        <v>241496.35999999969</v>
      </c>
    </row>
    <row r="67" spans="1:7" s="215" customFormat="1" ht="11.25" customHeight="1" x14ac:dyDescent="0.2">
      <c r="A67" s="23"/>
      <c r="B67" s="324"/>
      <c r="C67" s="465"/>
      <c r="D67" s="465"/>
      <c r="E67" s="465"/>
      <c r="F67" s="465"/>
      <c r="G67" s="443"/>
    </row>
    <row r="68" spans="1:7" s="68" customFormat="1" ht="11.25" customHeight="1" x14ac:dyDescent="0.2">
      <c r="A68" s="227" t="s">
        <v>230</v>
      </c>
      <c r="B68" s="324">
        <v>0</v>
      </c>
      <c r="C68" s="324">
        <v>114792.69</v>
      </c>
      <c r="D68" s="324">
        <v>114792.69</v>
      </c>
      <c r="E68" s="324">
        <v>0</v>
      </c>
      <c r="F68" s="324">
        <v>0</v>
      </c>
      <c r="G68" s="325">
        <v>1496622.7800000003</v>
      </c>
    </row>
    <row r="69" spans="1:7" s="215" customFormat="1" ht="11.25" customHeight="1" x14ac:dyDescent="0.2">
      <c r="A69" s="125" t="s">
        <v>778</v>
      </c>
      <c r="B69" s="324"/>
      <c r="C69" s="465">
        <v>114792.69</v>
      </c>
      <c r="D69" s="465">
        <v>114792.69</v>
      </c>
      <c r="E69" s="465"/>
      <c r="F69" s="408">
        <v>0</v>
      </c>
      <c r="G69" s="443">
        <v>628842.8600000001</v>
      </c>
    </row>
    <row r="70" spans="1:7" s="215" customFormat="1" ht="11.25" customHeight="1" x14ac:dyDescent="0.2">
      <c r="A70" s="125" t="s">
        <v>779</v>
      </c>
      <c r="B70" s="324"/>
      <c r="C70" s="465"/>
      <c r="D70" s="465"/>
      <c r="E70" s="465"/>
      <c r="F70" s="408">
        <v>0</v>
      </c>
      <c r="G70" s="443">
        <v>867779.92</v>
      </c>
    </row>
    <row r="71" spans="1:7" s="215" customFormat="1" ht="11.25" customHeight="1" x14ac:dyDescent="0.2">
      <c r="A71" s="23"/>
      <c r="B71" s="324"/>
      <c r="C71" s="465"/>
      <c r="D71" s="465"/>
      <c r="E71" s="465"/>
      <c r="F71" s="465"/>
      <c r="G71" s="443"/>
    </row>
    <row r="72" spans="1:7" s="68" customFormat="1" ht="11.25" customHeight="1" x14ac:dyDescent="0.2">
      <c r="A72" s="227" t="s">
        <v>102</v>
      </c>
      <c r="B72" s="324">
        <v>11832.26</v>
      </c>
      <c r="C72" s="324">
        <v>15166127.09</v>
      </c>
      <c r="D72" s="324">
        <v>10054074.060000001</v>
      </c>
      <c r="E72" s="324">
        <v>0</v>
      </c>
      <c r="F72" s="324">
        <v>5123885.29</v>
      </c>
      <c r="G72" s="325">
        <v>5123885.29</v>
      </c>
    </row>
    <row r="73" spans="1:7" s="215" customFormat="1" ht="11.25" customHeight="1" x14ac:dyDescent="0.2">
      <c r="A73" s="227"/>
      <c r="B73" s="324"/>
      <c r="C73" s="465"/>
      <c r="D73" s="465"/>
      <c r="E73" s="465"/>
      <c r="F73" s="465"/>
      <c r="G73" s="443"/>
    </row>
    <row r="74" spans="1:7" s="68" customFormat="1" ht="11.25" customHeight="1" x14ac:dyDescent="0.2">
      <c r="A74" s="227" t="s">
        <v>770</v>
      </c>
      <c r="B74" s="324">
        <v>5694.13</v>
      </c>
      <c r="C74" s="529">
        <v>7600020.7199999997</v>
      </c>
      <c r="D74" s="529">
        <v>2487967.69</v>
      </c>
      <c r="E74" s="529"/>
      <c r="F74" s="529">
        <v>5117747.16</v>
      </c>
      <c r="G74" s="325"/>
    </row>
    <row r="75" spans="1:7" s="215" customFormat="1" ht="11.25" customHeight="1" x14ac:dyDescent="0.2">
      <c r="A75" s="227"/>
      <c r="B75" s="324"/>
      <c r="C75" s="465"/>
      <c r="D75" s="465"/>
      <c r="E75" s="465"/>
      <c r="F75" s="465"/>
      <c r="G75" s="443"/>
    </row>
    <row r="76" spans="1:7" s="68" customFormat="1" ht="11.25" customHeight="1" x14ac:dyDescent="0.2">
      <c r="A76" s="227" t="s">
        <v>771</v>
      </c>
      <c r="B76" s="324">
        <v>0</v>
      </c>
      <c r="C76" s="324">
        <v>1310668.42</v>
      </c>
      <c r="D76" s="324">
        <v>1310668.42</v>
      </c>
      <c r="E76" s="324">
        <v>0</v>
      </c>
      <c r="F76" s="324">
        <v>0</v>
      </c>
      <c r="G76" s="325">
        <v>0</v>
      </c>
    </row>
    <row r="77" spans="1:7" s="215" customFormat="1" ht="11.25" customHeight="1" x14ac:dyDescent="0.2">
      <c r="A77" s="125" t="s">
        <v>772</v>
      </c>
      <c r="B77" s="324"/>
      <c r="C77" s="465"/>
      <c r="D77" s="465"/>
      <c r="E77" s="465"/>
      <c r="F77" s="408">
        <v>0</v>
      </c>
      <c r="G77" s="325">
        <v>0</v>
      </c>
    </row>
    <row r="78" spans="1:7" s="215" customFormat="1" ht="11.25" customHeight="1" x14ac:dyDescent="0.2">
      <c r="A78" s="125" t="s">
        <v>773</v>
      </c>
      <c r="B78" s="324"/>
      <c r="C78" s="465">
        <v>1310668.42</v>
      </c>
      <c r="D78" s="465">
        <v>1310668.42</v>
      </c>
      <c r="E78" s="465"/>
      <c r="F78" s="408">
        <v>0</v>
      </c>
      <c r="G78" s="325">
        <v>0</v>
      </c>
    </row>
    <row r="79" spans="1:7" s="215" customFormat="1" ht="11.25" customHeight="1" x14ac:dyDescent="0.2">
      <c r="A79" s="125" t="s">
        <v>774</v>
      </c>
      <c r="B79" s="324"/>
      <c r="C79" s="465"/>
      <c r="D79" s="465"/>
      <c r="E79" s="465"/>
      <c r="F79" s="408">
        <v>0</v>
      </c>
      <c r="G79" s="325">
        <v>0</v>
      </c>
    </row>
    <row r="80" spans="1:7" s="215" customFormat="1" ht="11.25" customHeight="1" x14ac:dyDescent="0.2">
      <c r="A80" s="125"/>
      <c r="B80" s="324"/>
      <c r="C80" s="465"/>
      <c r="D80" s="465"/>
      <c r="E80" s="465"/>
      <c r="F80" s="465"/>
      <c r="G80" s="443"/>
    </row>
    <row r="81" spans="1:7" s="68" customFormat="1" ht="11.25" customHeight="1" x14ac:dyDescent="0.2">
      <c r="A81" s="227" t="s">
        <v>775</v>
      </c>
      <c r="B81" s="324">
        <v>0</v>
      </c>
      <c r="C81" s="324">
        <v>6255437.9500000002</v>
      </c>
      <c r="D81" s="324">
        <v>6255437.9500000002</v>
      </c>
      <c r="E81" s="324">
        <v>0</v>
      </c>
      <c r="F81" s="324">
        <v>0</v>
      </c>
      <c r="G81" s="325">
        <v>0</v>
      </c>
    </row>
    <row r="82" spans="1:7" s="215" customFormat="1" ht="11.25" customHeight="1" x14ac:dyDescent="0.2">
      <c r="A82" s="125" t="s">
        <v>776</v>
      </c>
      <c r="B82" s="324"/>
      <c r="C82" s="465">
        <v>6255437.9500000002</v>
      </c>
      <c r="D82" s="465">
        <v>6255437.9500000002</v>
      </c>
      <c r="E82" s="465"/>
      <c r="F82" s="408">
        <v>0</v>
      </c>
      <c r="G82" s="325">
        <v>0</v>
      </c>
    </row>
    <row r="83" spans="1:7" s="215" customFormat="1" ht="11.25" customHeight="1" x14ac:dyDescent="0.2">
      <c r="A83" s="125" t="s">
        <v>777</v>
      </c>
      <c r="B83" s="324"/>
      <c r="C83" s="465"/>
      <c r="D83" s="465"/>
      <c r="E83" s="465"/>
      <c r="F83" s="408">
        <v>0</v>
      </c>
      <c r="G83" s="325">
        <v>0</v>
      </c>
    </row>
    <row r="84" spans="1:7" s="215" customFormat="1" ht="11.25" customHeight="1" x14ac:dyDescent="0.2">
      <c r="A84" s="125"/>
      <c r="B84" s="324"/>
      <c r="C84" s="465"/>
      <c r="D84" s="465"/>
      <c r="E84" s="465"/>
      <c r="F84" s="465"/>
      <c r="G84" s="443"/>
    </row>
    <row r="85" spans="1:7" s="68" customFormat="1" ht="11.25" customHeight="1" x14ac:dyDescent="0.2">
      <c r="A85" s="227" t="s">
        <v>230</v>
      </c>
      <c r="B85" s="324">
        <v>6138.13</v>
      </c>
      <c r="C85" s="324">
        <v>0</v>
      </c>
      <c r="D85" s="324">
        <v>0</v>
      </c>
      <c r="E85" s="324">
        <v>0</v>
      </c>
      <c r="F85" s="324">
        <v>6138.13</v>
      </c>
      <c r="G85" s="325">
        <v>6138.13</v>
      </c>
    </row>
    <row r="86" spans="1:7" s="215" customFormat="1" ht="11.25" customHeight="1" x14ac:dyDescent="0.2">
      <c r="A86" s="125" t="s">
        <v>778</v>
      </c>
      <c r="B86" s="470">
        <v>6138.13</v>
      </c>
      <c r="C86" s="465"/>
      <c r="D86" s="465"/>
      <c r="E86" s="465"/>
      <c r="F86" s="408">
        <v>6138.13</v>
      </c>
      <c r="G86" s="443">
        <v>6138.13</v>
      </c>
    </row>
    <row r="87" spans="1:7" s="215" customFormat="1" ht="14.25" customHeight="1" x14ac:dyDescent="0.2">
      <c r="A87" s="125" t="s">
        <v>779</v>
      </c>
      <c r="B87" s="324"/>
      <c r="C87" s="465"/>
      <c r="D87" s="465"/>
      <c r="E87" s="465"/>
      <c r="F87" s="408">
        <v>0</v>
      </c>
      <c r="G87" s="443">
        <v>0</v>
      </c>
    </row>
    <row r="88" spans="1:7" s="68" customFormat="1" ht="15" customHeight="1" x14ac:dyDescent="0.2">
      <c r="A88" s="24" t="s">
        <v>222</v>
      </c>
      <c r="B88" s="423">
        <v>31096475.980000004</v>
      </c>
      <c r="C88" s="423">
        <v>114307337.39</v>
      </c>
      <c r="D88" s="423">
        <v>90203368.269999996</v>
      </c>
      <c r="E88" s="423">
        <v>0</v>
      </c>
      <c r="F88" s="423">
        <v>55200445.100000001</v>
      </c>
      <c r="G88" s="423">
        <v>83250922.460000008</v>
      </c>
    </row>
    <row r="89" spans="1:7" ht="11.25" customHeight="1" x14ac:dyDescent="0.2">
      <c r="A89" s="46" t="s">
        <v>862</v>
      </c>
      <c r="G89" s="302"/>
    </row>
    <row r="92" spans="1:7" s="273" customFormat="1" ht="11.25" customHeight="1" x14ac:dyDescent="0.2">
      <c r="A92" s="46"/>
      <c r="B92" s="46"/>
      <c r="C92" s="46"/>
      <c r="D92" s="46"/>
      <c r="E92" s="46"/>
      <c r="F92" s="46"/>
      <c r="G92" s="46"/>
    </row>
    <row r="93" spans="1:7" s="273" customFormat="1" ht="11.25" customHeight="1" x14ac:dyDescent="0.2">
      <c r="A93" s="46"/>
      <c r="B93" s="46"/>
      <c r="C93" s="46"/>
      <c r="D93" s="46"/>
      <c r="E93" s="46"/>
      <c r="F93" s="46"/>
      <c r="G93" s="46"/>
    </row>
    <row r="98" s="46" customFormat="1" ht="11.25" customHeight="1" x14ac:dyDescent="0.2"/>
    <row r="99" s="46" customFormat="1" ht="11.25" customHeight="1" x14ac:dyDescent="0.2"/>
    <row r="100" s="46" customFormat="1" ht="11.25" customHeight="1" x14ac:dyDescent="0.2"/>
    <row r="101" s="46" customFormat="1" ht="11.25" customHeight="1" x14ac:dyDescent="0.2"/>
    <row r="102" s="46" customFormat="1" ht="11.25" customHeight="1" x14ac:dyDescent="0.2"/>
    <row r="103" s="46" customFormat="1" ht="11.25" customHeight="1" x14ac:dyDescent="0.2"/>
    <row r="104" s="46" customFormat="1" ht="11.25" customHeight="1" x14ac:dyDescent="0.2"/>
  </sheetData>
  <customSheetViews>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61" orientation="portrait" r:id="rId1"/>
      <headerFooter alignWithMargins="0"/>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2"/>
      <headerFooter alignWithMargins="0">
        <oddFooter>&amp;A</oddFooter>
      </headerFooter>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3"/>
      <headerFooter alignWithMargins="0">
        <oddFooter>&amp;A</oddFooter>
      </headerFooter>
    </customSheetView>
    <customSheetView guid="{82EDB5A4-4824-4632-A540-7A52C92F04C7}" showPageBreaks="1" showGridLines="0" fitToPage="1" topLeftCell="A10">
      <pane xSplit="1" ySplit="5" topLeftCell="B15" activePane="bottomRight" state="frozen"/>
      <selection pane="bottomRight" activeCell="B15" sqref="B15"/>
      <pageMargins left="0.19685039370078741" right="0.19685039370078741" top="0.59055118110236227" bottom="0.19685039370078741" header="0" footer="0"/>
      <printOptions horizontalCentered="1"/>
      <pageSetup paperSize="9" scale="61" orientation="portrait" r:id="rId4"/>
      <headerFooter alignWithMargins="0"/>
    </customSheetView>
    <customSheetView guid="{C779D862-DE28-46CD-A428-4AAA1056D1E1}" showPageBreaks="1" showGridLines="0" fitToPage="1" printArea="1" topLeftCell="A49">
      <selection activeCell="E57" sqref="E57"/>
      <pageMargins left="0.19685039370078741" right="0.19685039370078741" top="0.59055118110236227" bottom="0.19685039370078741" header="0" footer="0"/>
      <printOptions horizontalCentered="1"/>
      <pageSetup paperSize="9" scale="60" orientation="portrait" r:id="rId5"/>
      <headerFooter alignWithMargins="0"/>
    </customSheetView>
    <customSheetView guid="{25EF1E0D-169B-4051-B414-7E1196FC05E4}" showPageBreaks="1" showGridLines="0" fitToPage="1" printArea="1">
      <selection activeCell="D78" sqref="D78"/>
      <pageMargins left="0.19685039370078741" right="0.19685039370078741" top="0.59055118110236227" bottom="0.19685039370078741" header="0" footer="0"/>
      <printOptions horizontalCentered="1"/>
      <pageSetup paperSize="9" scale="60" orientation="portrait" r:id="rId6"/>
      <headerFooter alignWithMargins="0"/>
    </customSheetView>
    <customSheetView guid="{3AAF6A5F-F9AA-430B-9AD9-1261ECDF41B5}" showPageBreaks="1" showGridLines="0" fitToPage="1" topLeftCell="A10">
      <pane xSplit="1" ySplit="5" topLeftCell="B15" activePane="bottomRight" state="frozen"/>
      <selection pane="bottomRight" activeCell="B15" sqref="B15"/>
      <pageMargins left="0.19685039370078741" right="0.19685039370078741" top="0.59055118110236227" bottom="0.19685039370078741" header="0" footer="0"/>
      <printOptions horizontalCentered="1"/>
      <pageSetup paperSize="9" scale="60" orientation="portrait" r:id="rId7"/>
      <headerFooter alignWithMargins="0"/>
    </customSheetView>
  </customSheetViews>
  <mergeCells count="21">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 ref="A3:G3"/>
    <mergeCell ref="A4:G4"/>
    <mergeCell ref="A5:G5"/>
    <mergeCell ref="A6:G6"/>
    <mergeCell ref="A7:G7"/>
  </mergeCells>
  <printOptions horizontalCentered="1"/>
  <pageMargins left="0.19685039370078741" right="0.19685039370078741" top="0.59055118110236227" bottom="0.19685039370078741" header="0" footer="0"/>
  <pageSetup paperSize="9" scale="60" orientation="portrait" r:id="rId8"/>
  <headerFooter alignWithMargins="0"/>
  <drawing r:id="rId9"/>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J198"/>
  <sheetViews>
    <sheetView showGridLines="0" zoomScaleNormal="100" workbookViewId="0"/>
  </sheetViews>
  <sheetFormatPr defaultRowHeight="11.25" customHeight="1" x14ac:dyDescent="0.2"/>
  <cols>
    <col min="1" max="1" width="80.5703125" style="281" customWidth="1"/>
    <col min="2" max="2" width="19" style="85" customWidth="1"/>
    <col min="3" max="4" width="19" style="85" bestFit="1" customWidth="1"/>
    <col min="5" max="5" width="15.85546875" style="85" customWidth="1"/>
    <col min="6" max="6" width="19" style="85" bestFit="1" customWidth="1"/>
    <col min="7" max="7" width="15.85546875" style="85" customWidth="1"/>
    <col min="8" max="8" width="16.7109375" style="85" customWidth="1"/>
    <col min="9" max="9" width="12.85546875" style="85" bestFit="1" customWidth="1"/>
    <col min="10" max="16384" width="9.140625" style="85"/>
  </cols>
  <sheetData>
    <row r="1" spans="1:8" s="135" customFormat="1" ht="10.5" x14ac:dyDescent="0.2">
      <c r="A1" s="428"/>
      <c r="B1" s="132"/>
      <c r="C1" s="132"/>
      <c r="D1" s="132"/>
      <c r="E1" s="132"/>
      <c r="F1" s="132"/>
      <c r="G1" s="132"/>
      <c r="H1" s="132"/>
    </row>
    <row r="2" spans="1:8" s="135" customFormat="1" ht="10.5" x14ac:dyDescent="0.2">
      <c r="A2" s="276"/>
      <c r="B2" s="132"/>
      <c r="C2" s="132"/>
      <c r="D2" s="132"/>
      <c r="E2" s="132"/>
      <c r="F2" s="132"/>
    </row>
    <row r="3" spans="1:8" s="139" customFormat="1" ht="10.5" x14ac:dyDescent="0.2">
      <c r="A3" s="839" t="s">
        <v>641</v>
      </c>
      <c r="B3" s="839"/>
      <c r="C3" s="839"/>
      <c r="D3" s="839"/>
      <c r="E3" s="839"/>
      <c r="F3" s="839"/>
      <c r="G3" s="839"/>
      <c r="H3" s="839"/>
    </row>
    <row r="4" spans="1:8" s="139" customFormat="1" ht="10.5" x14ac:dyDescent="0.2">
      <c r="A4" s="839" t="s">
        <v>105</v>
      </c>
      <c r="B4" s="839"/>
      <c r="C4" s="839"/>
      <c r="D4" s="839"/>
      <c r="E4" s="839"/>
      <c r="F4" s="839"/>
      <c r="G4" s="839"/>
      <c r="H4" s="839"/>
    </row>
    <row r="5" spans="1:8" s="139" customFormat="1" ht="10.5" x14ac:dyDescent="0.2">
      <c r="A5" s="839" t="s">
        <v>231</v>
      </c>
      <c r="B5" s="839"/>
      <c r="C5" s="839"/>
      <c r="D5" s="839"/>
      <c r="E5" s="839"/>
      <c r="F5" s="839"/>
      <c r="G5" s="839"/>
      <c r="H5" s="839"/>
    </row>
    <row r="6" spans="1:8" s="139" customFormat="1" ht="10.5" x14ac:dyDescent="0.2">
      <c r="A6" s="839" t="s">
        <v>107</v>
      </c>
      <c r="B6" s="839"/>
      <c r="C6" s="839"/>
      <c r="D6" s="839"/>
      <c r="E6" s="839"/>
      <c r="F6" s="839"/>
      <c r="G6" s="839"/>
      <c r="H6" s="839"/>
    </row>
    <row r="7" spans="1:8" s="139" customFormat="1" ht="10.5" x14ac:dyDescent="0.2">
      <c r="A7" s="839" t="s">
        <v>879</v>
      </c>
      <c r="B7" s="839"/>
      <c r="C7" s="839"/>
      <c r="D7" s="839"/>
      <c r="E7" s="839"/>
      <c r="F7" s="839"/>
      <c r="G7" s="839"/>
      <c r="H7" s="839"/>
    </row>
    <row r="8" spans="1:8" s="135" customFormat="1" ht="10.5" x14ac:dyDescent="0.2">
      <c r="A8" s="277" t="s">
        <v>620</v>
      </c>
      <c r="B8" s="133"/>
      <c r="C8" s="133"/>
      <c r="D8" s="133"/>
      <c r="E8" s="133"/>
      <c r="F8" s="397"/>
      <c r="H8" s="225">
        <v>1</v>
      </c>
    </row>
    <row r="9" spans="1:8" s="222" customFormat="1" ht="15" customHeight="1" x14ac:dyDescent="0.2">
      <c r="A9" s="840" t="s">
        <v>187</v>
      </c>
      <c r="B9" s="840"/>
      <c r="C9" s="840"/>
      <c r="D9" s="840"/>
      <c r="E9" s="840"/>
      <c r="F9" s="840"/>
      <c r="G9" s="840"/>
      <c r="H9" s="840"/>
    </row>
    <row r="10" spans="1:8" s="222" customFormat="1" ht="15" customHeight="1" x14ac:dyDescent="0.15">
      <c r="A10" s="867" t="s">
        <v>856</v>
      </c>
      <c r="B10" s="843" t="s">
        <v>108</v>
      </c>
      <c r="C10" s="844"/>
      <c r="D10" s="843" t="s">
        <v>108</v>
      </c>
      <c r="E10" s="844"/>
      <c r="F10" s="847" t="s">
        <v>109</v>
      </c>
      <c r="G10" s="840"/>
      <c r="H10" s="840"/>
    </row>
    <row r="11" spans="1:8" s="222" customFormat="1" ht="15" customHeight="1" x14ac:dyDescent="0.2">
      <c r="A11" s="868"/>
      <c r="B11" s="832" t="s">
        <v>111</v>
      </c>
      <c r="C11" s="845"/>
      <c r="D11" s="832" t="s">
        <v>112</v>
      </c>
      <c r="E11" s="845"/>
      <c r="F11" s="831" t="s">
        <v>115</v>
      </c>
      <c r="G11" s="848"/>
      <c r="H11" s="219" t="s">
        <v>114</v>
      </c>
    </row>
    <row r="12" spans="1:8" s="222" customFormat="1" ht="15" customHeight="1" x14ac:dyDescent="0.2">
      <c r="A12" s="383" t="s">
        <v>857</v>
      </c>
      <c r="B12" s="833"/>
      <c r="C12" s="846"/>
      <c r="D12" s="841" t="s">
        <v>116</v>
      </c>
      <c r="E12" s="842"/>
      <c r="F12" s="841" t="s">
        <v>117</v>
      </c>
      <c r="G12" s="842"/>
      <c r="H12" s="392" t="s">
        <v>188</v>
      </c>
    </row>
    <row r="13" spans="1:8" s="222" customFormat="1" ht="14.25" customHeight="1" x14ac:dyDescent="0.2">
      <c r="A13" s="243" t="s">
        <v>189</v>
      </c>
      <c r="B13" s="856">
        <v>7821678000</v>
      </c>
      <c r="C13" s="857"/>
      <c r="D13" s="863">
        <v>7821678000</v>
      </c>
      <c r="E13" s="864"/>
      <c r="F13" s="863">
        <v>5392218012.0099993</v>
      </c>
      <c r="G13" s="864"/>
      <c r="H13" s="507">
        <v>68.939401647702695</v>
      </c>
    </row>
    <row r="14" spans="1:8" s="222" customFormat="1" ht="21" x14ac:dyDescent="0.2">
      <c r="A14" s="232" t="s">
        <v>369</v>
      </c>
      <c r="B14" s="856">
        <v>6859312000</v>
      </c>
      <c r="C14" s="857"/>
      <c r="D14" s="856">
        <v>6859312000</v>
      </c>
      <c r="E14" s="857"/>
      <c r="F14" s="856">
        <v>4686821587.3199997</v>
      </c>
      <c r="G14" s="857"/>
      <c r="H14" s="507">
        <v>68.327867099790765</v>
      </c>
    </row>
    <row r="15" spans="1:8" s="15" customFormat="1" ht="12.75" x14ac:dyDescent="0.2">
      <c r="A15" s="278" t="s">
        <v>318</v>
      </c>
      <c r="B15" s="659">
        <v>6742500000</v>
      </c>
      <c r="C15" s="672"/>
      <c r="D15" s="659">
        <v>6742500000</v>
      </c>
      <c r="E15" s="672"/>
      <c r="F15" s="849">
        <v>4616664279.8999996</v>
      </c>
      <c r="G15" s="862"/>
      <c r="H15" s="507">
        <v>68.471105374860954</v>
      </c>
    </row>
    <row r="16" spans="1:8" s="15" customFormat="1" ht="12.75" x14ac:dyDescent="0.2">
      <c r="A16" s="278" t="s">
        <v>319</v>
      </c>
      <c r="B16" s="659">
        <v>36676000</v>
      </c>
      <c r="C16" s="672"/>
      <c r="D16" s="659">
        <v>36676000</v>
      </c>
      <c r="E16" s="672"/>
      <c r="F16" s="849">
        <v>20544438.629999999</v>
      </c>
      <c r="G16" s="862"/>
      <c r="H16" s="507">
        <v>56.016028547278871</v>
      </c>
    </row>
    <row r="17" spans="1:8" s="15" customFormat="1" ht="12.75" x14ac:dyDescent="0.2">
      <c r="A17" s="278" t="s">
        <v>320</v>
      </c>
      <c r="B17" s="659">
        <v>7445000</v>
      </c>
      <c r="C17" s="672"/>
      <c r="D17" s="659">
        <v>7445000</v>
      </c>
      <c r="E17" s="672"/>
      <c r="F17" s="849">
        <v>7278880.3799999999</v>
      </c>
      <c r="G17" s="862"/>
      <c r="H17" s="507">
        <v>97.768708932169233</v>
      </c>
    </row>
    <row r="18" spans="1:8" s="15" customFormat="1" ht="21" x14ac:dyDescent="0.2">
      <c r="A18" s="278" t="s">
        <v>321</v>
      </c>
      <c r="B18" s="856">
        <v>0</v>
      </c>
      <c r="C18" s="857"/>
      <c r="D18" s="659">
        <v>0</v>
      </c>
      <c r="E18" s="672"/>
      <c r="F18" s="856">
        <v>0</v>
      </c>
      <c r="G18" s="862"/>
      <c r="H18" s="507">
        <v>0</v>
      </c>
    </row>
    <row r="19" spans="1:8" s="15" customFormat="1" ht="12.75" x14ac:dyDescent="0.2">
      <c r="A19" s="259" t="s">
        <v>322</v>
      </c>
      <c r="B19" s="665">
        <v>0</v>
      </c>
      <c r="C19" s="676"/>
      <c r="D19" s="659">
        <v>0</v>
      </c>
      <c r="E19" s="672"/>
      <c r="F19" s="856">
        <v>0</v>
      </c>
      <c r="G19" s="862"/>
      <c r="H19" s="507">
        <v>0</v>
      </c>
    </row>
    <row r="20" spans="1:8" s="15" customFormat="1" ht="21" x14ac:dyDescent="0.2">
      <c r="A20" s="259" t="s">
        <v>323</v>
      </c>
      <c r="B20" s="659">
        <v>72691000</v>
      </c>
      <c r="C20" s="672"/>
      <c r="D20" s="659">
        <v>72691000</v>
      </c>
      <c r="E20" s="672"/>
      <c r="F20" s="849">
        <v>42333988.409999996</v>
      </c>
      <c r="G20" s="862"/>
      <c r="H20" s="507">
        <v>58.23828040610254</v>
      </c>
    </row>
    <row r="21" spans="1:8" s="15" customFormat="1" ht="12.75" x14ac:dyDescent="0.2">
      <c r="A21" s="10" t="s">
        <v>324</v>
      </c>
      <c r="B21" s="665">
        <v>0</v>
      </c>
      <c r="C21" s="676"/>
      <c r="D21" s="659">
        <v>0</v>
      </c>
      <c r="E21" s="672"/>
      <c r="F21" s="856">
        <v>0</v>
      </c>
      <c r="G21" s="862"/>
      <c r="H21" s="507">
        <v>0</v>
      </c>
    </row>
    <row r="22" spans="1:8" s="222" customFormat="1" ht="21" x14ac:dyDescent="0.2">
      <c r="A22" s="232" t="s">
        <v>325</v>
      </c>
      <c r="B22" s="856">
        <v>108031000</v>
      </c>
      <c r="C22" s="857"/>
      <c r="D22" s="856">
        <v>108031000</v>
      </c>
      <c r="E22" s="857"/>
      <c r="F22" s="856">
        <v>61267276.57</v>
      </c>
      <c r="G22" s="857"/>
      <c r="H22" s="507">
        <v>56.712681147078158</v>
      </c>
    </row>
    <row r="23" spans="1:8" s="15" customFormat="1" ht="12.75" x14ac:dyDescent="0.2">
      <c r="A23" s="278" t="s">
        <v>326</v>
      </c>
      <c r="B23" s="849">
        <v>105800000</v>
      </c>
      <c r="C23" s="853"/>
      <c r="D23" s="659">
        <v>105800000</v>
      </c>
      <c r="E23" s="672"/>
      <c r="F23" s="849">
        <v>61125179.32</v>
      </c>
      <c r="G23" s="862"/>
      <c r="H23" s="507">
        <v>57.774271568998117</v>
      </c>
    </row>
    <row r="24" spans="1:8" s="15" customFormat="1" ht="12.75" x14ac:dyDescent="0.2">
      <c r="A24" s="278" t="s">
        <v>327</v>
      </c>
      <c r="B24" s="849">
        <v>2231000</v>
      </c>
      <c r="C24" s="853"/>
      <c r="D24" s="659">
        <v>2231000</v>
      </c>
      <c r="E24" s="672"/>
      <c r="F24" s="849">
        <v>142097.25</v>
      </c>
      <c r="G24" s="862"/>
      <c r="H24" s="507">
        <v>6.3692178395338415</v>
      </c>
    </row>
    <row r="25" spans="1:8" s="15" customFormat="1" ht="12.75" x14ac:dyDescent="0.2">
      <c r="A25" s="278" t="s">
        <v>328</v>
      </c>
      <c r="B25" s="856">
        <v>0</v>
      </c>
      <c r="C25" s="857"/>
      <c r="D25" s="659">
        <v>0</v>
      </c>
      <c r="E25" s="672"/>
      <c r="F25" s="856">
        <v>0</v>
      </c>
      <c r="G25" s="862"/>
      <c r="H25" s="507">
        <v>0</v>
      </c>
    </row>
    <row r="26" spans="1:8" s="15" customFormat="1" ht="21" x14ac:dyDescent="0.2">
      <c r="A26" s="278" t="s">
        <v>329</v>
      </c>
      <c r="B26" s="856">
        <v>0</v>
      </c>
      <c r="C26" s="857"/>
      <c r="D26" s="659">
        <v>0</v>
      </c>
      <c r="E26" s="672"/>
      <c r="F26" s="856">
        <v>0</v>
      </c>
      <c r="G26" s="862"/>
      <c r="H26" s="507">
        <v>0</v>
      </c>
    </row>
    <row r="27" spans="1:8" s="15" customFormat="1" ht="12.75" x14ac:dyDescent="0.2">
      <c r="A27" s="263" t="s">
        <v>334</v>
      </c>
      <c r="B27" s="856">
        <v>0</v>
      </c>
      <c r="C27" s="857"/>
      <c r="D27" s="659">
        <v>0</v>
      </c>
      <c r="E27" s="672"/>
      <c r="F27" s="856">
        <v>0</v>
      </c>
      <c r="G27" s="862"/>
      <c r="H27" s="507">
        <v>0</v>
      </c>
    </row>
    <row r="28" spans="1:8" s="222" customFormat="1" ht="21" x14ac:dyDescent="0.2">
      <c r="A28" s="232" t="s">
        <v>338</v>
      </c>
      <c r="B28" s="856">
        <v>343935000</v>
      </c>
      <c r="C28" s="857"/>
      <c r="D28" s="856">
        <v>343935000</v>
      </c>
      <c r="E28" s="857"/>
      <c r="F28" s="856">
        <v>309874931.88</v>
      </c>
      <c r="G28" s="857"/>
      <c r="H28" s="507">
        <v>90.096946190413888</v>
      </c>
    </row>
    <row r="29" spans="1:8" s="15" customFormat="1" ht="12.75" x14ac:dyDescent="0.2">
      <c r="A29" s="278" t="s">
        <v>330</v>
      </c>
      <c r="B29" s="849">
        <v>329900000</v>
      </c>
      <c r="C29" s="853"/>
      <c r="D29" s="659">
        <v>329900000</v>
      </c>
      <c r="E29" s="672"/>
      <c r="F29" s="849">
        <v>301448191.35000002</v>
      </c>
      <c r="G29" s="862"/>
      <c r="H29" s="507">
        <v>91.375626356471656</v>
      </c>
    </row>
    <row r="30" spans="1:8" s="15" customFormat="1" ht="12.75" x14ac:dyDescent="0.2">
      <c r="A30" s="278" t="s">
        <v>331</v>
      </c>
      <c r="B30" s="849">
        <v>14003000</v>
      </c>
      <c r="C30" s="853"/>
      <c r="D30" s="659">
        <v>14003000</v>
      </c>
      <c r="E30" s="672"/>
      <c r="F30" s="849">
        <v>8412102.1500000004</v>
      </c>
      <c r="G30" s="862"/>
      <c r="H30" s="507">
        <v>60.073571020495606</v>
      </c>
    </row>
    <row r="31" spans="1:8" s="15" customFormat="1" ht="12.75" x14ac:dyDescent="0.2">
      <c r="A31" s="278" t="s">
        <v>332</v>
      </c>
      <c r="B31" s="849">
        <v>32000</v>
      </c>
      <c r="C31" s="853"/>
      <c r="D31" s="659">
        <v>32000</v>
      </c>
      <c r="E31" s="672"/>
      <c r="F31" s="849">
        <v>14638.38</v>
      </c>
      <c r="G31" s="862"/>
      <c r="H31" s="507">
        <v>45.744937499999999</v>
      </c>
    </row>
    <row r="32" spans="1:8" s="15" customFormat="1" ht="21" x14ac:dyDescent="0.2">
      <c r="A32" s="278" t="s">
        <v>333</v>
      </c>
      <c r="B32" s="856">
        <v>0</v>
      </c>
      <c r="C32" s="857"/>
      <c r="D32" s="659">
        <v>0</v>
      </c>
      <c r="E32" s="672"/>
      <c r="F32" s="856">
        <v>0</v>
      </c>
      <c r="G32" s="862"/>
      <c r="H32" s="507">
        <v>0</v>
      </c>
    </row>
    <row r="33" spans="1:8" s="15" customFormat="1" ht="12.75" x14ac:dyDescent="0.2">
      <c r="A33" s="263" t="s">
        <v>335</v>
      </c>
      <c r="B33" s="856">
        <v>0</v>
      </c>
      <c r="C33" s="857"/>
      <c r="D33" s="659">
        <v>0</v>
      </c>
      <c r="E33" s="672"/>
      <c r="F33" s="856">
        <v>0</v>
      </c>
      <c r="G33" s="862"/>
      <c r="H33" s="507">
        <v>0</v>
      </c>
    </row>
    <row r="34" spans="1:8" s="222" customFormat="1" ht="21" x14ac:dyDescent="0.2">
      <c r="A34" s="232" t="s">
        <v>339</v>
      </c>
      <c r="B34" s="856">
        <v>510400000</v>
      </c>
      <c r="C34" s="857"/>
      <c r="D34" s="856">
        <v>510400000</v>
      </c>
      <c r="E34" s="857"/>
      <c r="F34" s="856">
        <v>334254216.24000001</v>
      </c>
      <c r="G34" s="857"/>
      <c r="H34" s="507">
        <v>65.488678730407528</v>
      </c>
    </row>
    <row r="35" spans="1:8" s="15" customFormat="1" ht="12.75" x14ac:dyDescent="0.2">
      <c r="A35" s="278" t="s">
        <v>337</v>
      </c>
      <c r="B35" s="849">
        <v>510400000</v>
      </c>
      <c r="C35" s="853"/>
      <c r="D35" s="659">
        <v>510400000</v>
      </c>
      <c r="E35" s="672"/>
      <c r="F35" s="849">
        <v>334254216.24000001</v>
      </c>
      <c r="G35" s="862"/>
      <c r="H35" s="507">
        <v>65.488678730407528</v>
      </c>
    </row>
    <row r="36" spans="1:8" s="15" customFormat="1" ht="12.75" x14ac:dyDescent="0.2">
      <c r="A36" s="278" t="s">
        <v>457</v>
      </c>
      <c r="B36" s="856">
        <v>0</v>
      </c>
      <c r="C36" s="857"/>
      <c r="D36" s="659">
        <v>0</v>
      </c>
      <c r="E36" s="672"/>
      <c r="F36" s="856">
        <v>0</v>
      </c>
      <c r="G36" s="862"/>
      <c r="H36" s="507">
        <v>0</v>
      </c>
    </row>
    <row r="37" spans="1:8" s="15" customFormat="1" ht="12.75" x14ac:dyDescent="0.2">
      <c r="A37" s="278" t="s">
        <v>458</v>
      </c>
      <c r="B37" s="856">
        <v>0</v>
      </c>
      <c r="C37" s="857"/>
      <c r="D37" s="659">
        <v>0</v>
      </c>
      <c r="E37" s="672"/>
      <c r="F37" s="856">
        <v>0</v>
      </c>
      <c r="G37" s="862"/>
      <c r="H37" s="507">
        <v>0</v>
      </c>
    </row>
    <row r="38" spans="1:8" s="15" customFormat="1" ht="21" x14ac:dyDescent="0.2">
      <c r="A38" s="278" t="s">
        <v>459</v>
      </c>
      <c r="B38" s="856">
        <v>0</v>
      </c>
      <c r="C38" s="857"/>
      <c r="D38" s="659">
        <v>0</v>
      </c>
      <c r="E38" s="672"/>
      <c r="F38" s="856">
        <v>0</v>
      </c>
      <c r="G38" s="862"/>
      <c r="H38" s="507">
        <v>0</v>
      </c>
    </row>
    <row r="39" spans="1:8" s="15" customFormat="1" ht="12.75" x14ac:dyDescent="0.2">
      <c r="A39" s="263" t="s">
        <v>336</v>
      </c>
      <c r="B39" s="856">
        <v>0</v>
      </c>
      <c r="C39" s="857"/>
      <c r="D39" s="659">
        <v>0</v>
      </c>
      <c r="E39" s="672"/>
      <c r="F39" s="856">
        <v>0</v>
      </c>
      <c r="G39" s="862"/>
      <c r="H39" s="507">
        <v>0</v>
      </c>
    </row>
    <row r="40" spans="1:8" s="222" customFormat="1" ht="10.5" x14ac:dyDescent="0.2">
      <c r="A40" s="232" t="s">
        <v>340</v>
      </c>
      <c r="B40" s="856">
        <v>1158800000</v>
      </c>
      <c r="C40" s="857"/>
      <c r="D40" s="856">
        <v>1158800000</v>
      </c>
      <c r="E40" s="857"/>
      <c r="F40" s="856">
        <v>775634470.50999999</v>
      </c>
      <c r="G40" s="857"/>
      <c r="H40" s="507">
        <v>66.934282922851224</v>
      </c>
    </row>
    <row r="41" spans="1:8" s="15" customFormat="1" ht="12.75" x14ac:dyDescent="0.2">
      <c r="A41" s="106" t="s">
        <v>190</v>
      </c>
      <c r="B41" s="849">
        <v>1070500000</v>
      </c>
      <c r="C41" s="853"/>
      <c r="D41" s="659">
        <v>1070500000</v>
      </c>
      <c r="E41" s="672"/>
      <c r="F41" s="849">
        <v>702944807.65999997</v>
      </c>
      <c r="G41" s="862"/>
      <c r="H41" s="507">
        <v>65.665091794488546</v>
      </c>
    </row>
    <row r="42" spans="1:8" s="15" customFormat="1" ht="12.75" x14ac:dyDescent="0.2">
      <c r="A42" s="106" t="s">
        <v>191</v>
      </c>
      <c r="B42" s="849">
        <v>18100000</v>
      </c>
      <c r="C42" s="853"/>
      <c r="D42" s="659">
        <v>18100000</v>
      </c>
      <c r="E42" s="672"/>
      <c r="F42" s="849">
        <v>12037837.51</v>
      </c>
      <c r="G42" s="862"/>
      <c r="H42" s="507">
        <v>66.507389558011042</v>
      </c>
    </row>
    <row r="43" spans="1:8" s="15" customFormat="1" ht="12.75" x14ac:dyDescent="0.2">
      <c r="A43" s="278" t="s">
        <v>192</v>
      </c>
      <c r="B43" s="849">
        <v>70200000</v>
      </c>
      <c r="C43" s="853"/>
      <c r="D43" s="659">
        <v>70200000</v>
      </c>
      <c r="E43" s="672"/>
      <c r="F43" s="849">
        <v>60651825.340000004</v>
      </c>
      <c r="G43" s="862"/>
      <c r="H43" s="507">
        <v>86.398611595441594</v>
      </c>
    </row>
    <row r="44" spans="1:8" s="15" customFormat="1" ht="12.75" x14ac:dyDescent="0.2">
      <c r="A44" s="278" t="s">
        <v>193</v>
      </c>
      <c r="B44" s="849">
        <v>0</v>
      </c>
      <c r="C44" s="853"/>
      <c r="D44" s="659">
        <v>0</v>
      </c>
      <c r="E44" s="672"/>
      <c r="F44" s="904">
        <v>0</v>
      </c>
      <c r="G44" s="906"/>
      <c r="H44" s="507">
        <v>0</v>
      </c>
    </row>
    <row r="45" spans="1:8" s="230" customFormat="1" ht="15" customHeight="1" x14ac:dyDescent="0.2">
      <c r="A45" s="279" t="s">
        <v>460</v>
      </c>
      <c r="B45" s="902">
        <v>8980478000</v>
      </c>
      <c r="C45" s="903"/>
      <c r="D45" s="902">
        <v>8980478000</v>
      </c>
      <c r="E45" s="903"/>
      <c r="F45" s="902">
        <v>6167852482.5199995</v>
      </c>
      <c r="G45" s="903"/>
      <c r="H45" s="427">
        <v>68.680670255191316</v>
      </c>
    </row>
    <row r="46" spans="1:8" s="222" customFormat="1" ht="15" customHeight="1" x14ac:dyDescent="0.15">
      <c r="A46" s="867" t="s">
        <v>194</v>
      </c>
      <c r="B46" s="843" t="s">
        <v>108</v>
      </c>
      <c r="C46" s="844"/>
      <c r="D46" s="831" t="s">
        <v>108</v>
      </c>
      <c r="E46" s="848"/>
      <c r="F46" s="847" t="s">
        <v>109</v>
      </c>
      <c r="G46" s="840"/>
      <c r="H46" s="840"/>
    </row>
    <row r="47" spans="1:8" s="222" customFormat="1" ht="15" customHeight="1" x14ac:dyDescent="0.2">
      <c r="A47" s="868"/>
      <c r="B47" s="832" t="s">
        <v>111</v>
      </c>
      <c r="C47" s="845"/>
      <c r="D47" s="832" t="s">
        <v>112</v>
      </c>
      <c r="E47" s="845"/>
      <c r="F47" s="831" t="s">
        <v>115</v>
      </c>
      <c r="G47" s="848"/>
      <c r="H47" s="219" t="s">
        <v>114</v>
      </c>
    </row>
    <row r="48" spans="1:8" s="222" customFormat="1" ht="15" customHeight="1" x14ac:dyDescent="0.2">
      <c r="A48" s="869"/>
      <c r="B48" s="833"/>
      <c r="C48" s="846"/>
      <c r="D48" s="833" t="s">
        <v>116</v>
      </c>
      <c r="E48" s="846"/>
      <c r="F48" s="833" t="s">
        <v>117</v>
      </c>
      <c r="G48" s="846"/>
      <c r="H48" s="220" t="s">
        <v>188</v>
      </c>
    </row>
    <row r="49" spans="1:8" s="15" customFormat="1" ht="10.5" x14ac:dyDescent="0.2">
      <c r="A49" s="260" t="s">
        <v>461</v>
      </c>
      <c r="B49" s="721">
        <v>1696655250</v>
      </c>
      <c r="C49" s="801"/>
      <c r="D49" s="721">
        <v>1696655250</v>
      </c>
      <c r="E49" s="801"/>
      <c r="F49" s="721">
        <v>1161121899.7275</v>
      </c>
      <c r="G49" s="801"/>
      <c r="H49" s="508">
        <v>68.435935923193597</v>
      </c>
    </row>
    <row r="50" spans="1:8" s="15" customFormat="1" ht="10.5" x14ac:dyDescent="0.2">
      <c r="A50" s="260" t="s">
        <v>462</v>
      </c>
      <c r="B50" s="659">
        <v>171967500</v>
      </c>
      <c r="C50" s="672"/>
      <c r="D50" s="659">
        <v>171967500</v>
      </c>
      <c r="E50" s="672"/>
      <c r="F50" s="659">
        <v>154937465.94</v>
      </c>
      <c r="G50" s="672"/>
      <c r="H50" s="509">
        <v>90.096946190413888</v>
      </c>
    </row>
    <row r="51" spans="1:8" s="15" customFormat="1" ht="9.75" customHeight="1" x14ac:dyDescent="0.2">
      <c r="A51" s="471" t="s">
        <v>463</v>
      </c>
      <c r="B51" s="659">
        <v>17550000</v>
      </c>
      <c r="C51" s="672"/>
      <c r="D51" s="659">
        <v>17550000</v>
      </c>
      <c r="E51" s="672"/>
      <c r="F51" s="659">
        <v>15162956.335000001</v>
      </c>
      <c r="G51" s="672"/>
      <c r="H51" s="509">
        <v>86.398611595441594</v>
      </c>
    </row>
    <row r="52" spans="1:8" s="15" customFormat="1" ht="15" customHeight="1" x14ac:dyDescent="0.2">
      <c r="A52" s="434" t="s">
        <v>464</v>
      </c>
      <c r="B52" s="904">
        <v>1886172750</v>
      </c>
      <c r="C52" s="905"/>
      <c r="D52" s="904">
        <v>1886172750</v>
      </c>
      <c r="E52" s="905"/>
      <c r="F52" s="904">
        <v>1331222322.0025001</v>
      </c>
      <c r="G52" s="905"/>
      <c r="H52" s="510">
        <v>70.577963869030555</v>
      </c>
    </row>
    <row r="53" spans="1:8" s="222" customFormat="1" ht="15" customHeight="1" x14ac:dyDescent="0.2">
      <c r="A53" s="234" t="s">
        <v>465</v>
      </c>
      <c r="B53" s="902">
        <v>7094305250</v>
      </c>
      <c r="C53" s="903"/>
      <c r="D53" s="902">
        <v>7094305250</v>
      </c>
      <c r="E53" s="903"/>
      <c r="F53" s="902">
        <v>4836630160.5174999</v>
      </c>
      <c r="G53" s="903"/>
      <c r="H53" s="427">
        <v>68.17623417765256</v>
      </c>
    </row>
    <row r="54" spans="1:8" s="222" customFormat="1" ht="15" customHeight="1" x14ac:dyDescent="0.2">
      <c r="A54" s="867" t="s">
        <v>858</v>
      </c>
      <c r="B54" s="831" t="s">
        <v>108</v>
      </c>
      <c r="C54" s="848"/>
      <c r="D54" s="831" t="s">
        <v>108</v>
      </c>
      <c r="E54" s="848"/>
      <c r="F54" s="847" t="s">
        <v>109</v>
      </c>
      <c r="G54" s="840"/>
      <c r="H54" s="840"/>
    </row>
    <row r="55" spans="1:8" s="222" customFormat="1" ht="15" customHeight="1" x14ac:dyDescent="0.2">
      <c r="A55" s="868"/>
      <c r="B55" s="832" t="s">
        <v>111</v>
      </c>
      <c r="C55" s="845"/>
      <c r="D55" s="832" t="s">
        <v>112</v>
      </c>
      <c r="E55" s="845"/>
      <c r="F55" s="831" t="s">
        <v>115</v>
      </c>
      <c r="G55" s="848"/>
      <c r="H55" s="219" t="s">
        <v>114</v>
      </c>
    </row>
    <row r="56" spans="1:8" s="222" customFormat="1" ht="15" customHeight="1" x14ac:dyDescent="0.2">
      <c r="A56" s="869"/>
      <c r="B56" s="833"/>
      <c r="C56" s="846"/>
      <c r="D56" s="833" t="s">
        <v>116</v>
      </c>
      <c r="E56" s="846"/>
      <c r="F56" s="833" t="s">
        <v>117</v>
      </c>
      <c r="G56" s="846"/>
      <c r="H56" s="220" t="s">
        <v>188</v>
      </c>
    </row>
    <row r="57" spans="1:8" s="222" customFormat="1" ht="21" x14ac:dyDescent="0.2">
      <c r="A57" s="268" t="s">
        <v>466</v>
      </c>
      <c r="B57" s="856">
        <v>0</v>
      </c>
      <c r="C57" s="857"/>
      <c r="D57" s="659">
        <v>0</v>
      </c>
      <c r="E57" s="672"/>
      <c r="F57" s="856">
        <v>0</v>
      </c>
      <c r="G57" s="857"/>
      <c r="H57" s="511">
        <v>0</v>
      </c>
    </row>
    <row r="58" spans="1:8" s="222" customFormat="1" ht="10.5" x14ac:dyDescent="0.2">
      <c r="A58" s="268" t="s">
        <v>467</v>
      </c>
      <c r="B58" s="665">
        <v>47811000</v>
      </c>
      <c r="C58" s="676"/>
      <c r="D58" s="665">
        <v>63318025.780000009</v>
      </c>
      <c r="E58" s="676"/>
      <c r="F58" s="665">
        <v>51466250.830000006</v>
      </c>
      <c r="G58" s="676"/>
      <c r="H58" s="510">
        <v>81.28214706001846</v>
      </c>
    </row>
    <row r="59" spans="1:8" s="15" customFormat="1" ht="10.5" x14ac:dyDescent="0.2">
      <c r="A59" s="260" t="s">
        <v>468</v>
      </c>
      <c r="B59" s="849">
        <v>47811000</v>
      </c>
      <c r="C59" s="853"/>
      <c r="D59" s="659">
        <v>47811000</v>
      </c>
      <c r="E59" s="672"/>
      <c r="F59" s="849">
        <v>35959225.049999997</v>
      </c>
      <c r="G59" s="853"/>
      <c r="H59" s="509">
        <v>75.211196272824239</v>
      </c>
    </row>
    <row r="60" spans="1:8" s="15" customFormat="1" ht="10.5" x14ac:dyDescent="0.2">
      <c r="A60" s="260" t="s">
        <v>469</v>
      </c>
      <c r="B60" s="856">
        <v>0</v>
      </c>
      <c r="C60" s="857"/>
      <c r="D60" s="659">
        <v>0</v>
      </c>
      <c r="E60" s="672"/>
      <c r="F60" s="856">
        <v>0</v>
      </c>
      <c r="G60" s="857"/>
      <c r="H60" s="509">
        <v>0</v>
      </c>
    </row>
    <row r="61" spans="1:8" s="15" customFormat="1" ht="10.5" x14ac:dyDescent="0.2">
      <c r="A61" s="260" t="s">
        <v>470</v>
      </c>
      <c r="B61" s="856">
        <v>0</v>
      </c>
      <c r="C61" s="857"/>
      <c r="D61" s="659">
        <v>10059681.6</v>
      </c>
      <c r="E61" s="672"/>
      <c r="F61" s="849">
        <v>10059681.6</v>
      </c>
      <c r="G61" s="853"/>
      <c r="H61" s="509">
        <v>100</v>
      </c>
    </row>
    <row r="62" spans="1:8" s="15" customFormat="1" ht="10.5" x14ac:dyDescent="0.2">
      <c r="A62" s="260" t="s">
        <v>471</v>
      </c>
      <c r="B62" s="856">
        <v>0</v>
      </c>
      <c r="C62" s="857"/>
      <c r="D62" s="659">
        <v>4841.84</v>
      </c>
      <c r="E62" s="672"/>
      <c r="F62" s="849">
        <v>4841.84</v>
      </c>
      <c r="G62" s="853"/>
      <c r="H62" s="509">
        <v>100</v>
      </c>
    </row>
    <row r="63" spans="1:8" s="15" customFormat="1" ht="10.5" x14ac:dyDescent="0.2">
      <c r="A63" s="260" t="s">
        <v>472</v>
      </c>
      <c r="B63" s="856">
        <v>0</v>
      </c>
      <c r="C63" s="857"/>
      <c r="D63" s="659">
        <v>4766406.45</v>
      </c>
      <c r="E63" s="672"/>
      <c r="F63" s="849">
        <v>4766406.45</v>
      </c>
      <c r="G63" s="853"/>
      <c r="H63" s="509">
        <v>100</v>
      </c>
    </row>
    <row r="64" spans="1:8" s="15" customFormat="1" ht="10.5" x14ac:dyDescent="0.2">
      <c r="A64" s="260" t="s">
        <v>473</v>
      </c>
      <c r="B64" s="856">
        <v>0</v>
      </c>
      <c r="C64" s="857"/>
      <c r="D64" s="659">
        <v>676095.89</v>
      </c>
      <c r="E64" s="672"/>
      <c r="F64" s="849">
        <v>676095.89</v>
      </c>
      <c r="G64" s="853"/>
      <c r="H64" s="509">
        <v>0</v>
      </c>
    </row>
    <row r="65" spans="1:8" s="222" customFormat="1" ht="10.5" x14ac:dyDescent="0.2">
      <c r="A65" s="268" t="s">
        <v>474</v>
      </c>
      <c r="B65" s="856">
        <v>160903300</v>
      </c>
      <c r="C65" s="857"/>
      <c r="D65" s="856">
        <v>160903300</v>
      </c>
      <c r="E65" s="857"/>
      <c r="F65" s="665">
        <v>6968501.0999999996</v>
      </c>
      <c r="G65" s="676"/>
      <c r="H65" s="510">
        <v>4.3308627604281575</v>
      </c>
    </row>
    <row r="66" spans="1:8" s="15" customFormat="1" ht="10.5" x14ac:dyDescent="0.2">
      <c r="A66" s="260" t="s">
        <v>475</v>
      </c>
      <c r="B66" s="849">
        <v>160903300</v>
      </c>
      <c r="C66" s="853"/>
      <c r="D66" s="659">
        <v>160903300</v>
      </c>
      <c r="E66" s="672"/>
      <c r="F66" s="849">
        <v>6968501.0999999996</v>
      </c>
      <c r="G66" s="853"/>
      <c r="H66" s="509">
        <v>4.3308627604281575</v>
      </c>
    </row>
    <row r="67" spans="1:8" s="15" customFormat="1" ht="10.5" x14ac:dyDescent="0.2">
      <c r="A67" s="105" t="s">
        <v>476</v>
      </c>
      <c r="B67" s="856">
        <v>0</v>
      </c>
      <c r="C67" s="857"/>
      <c r="D67" s="659">
        <v>0</v>
      </c>
      <c r="E67" s="672"/>
      <c r="F67" s="856">
        <v>0</v>
      </c>
      <c r="G67" s="857"/>
      <c r="H67" s="510">
        <v>0</v>
      </c>
    </row>
    <row r="68" spans="1:8" s="222" customFormat="1" ht="10.5" x14ac:dyDescent="0.2">
      <c r="A68" s="268" t="s">
        <v>477</v>
      </c>
      <c r="B68" s="856">
        <v>0</v>
      </c>
      <c r="C68" s="857"/>
      <c r="D68" s="659">
        <v>0</v>
      </c>
      <c r="E68" s="672"/>
      <c r="F68" s="856">
        <v>0</v>
      </c>
      <c r="G68" s="857"/>
      <c r="H68" s="510">
        <v>0</v>
      </c>
    </row>
    <row r="69" spans="1:8" s="222" customFormat="1" ht="15" customHeight="1" x14ac:dyDescent="0.2">
      <c r="A69" s="235" t="s">
        <v>780</v>
      </c>
      <c r="B69" s="860">
        <v>0</v>
      </c>
      <c r="C69" s="861"/>
      <c r="D69" s="860">
        <v>0</v>
      </c>
      <c r="E69" s="861"/>
      <c r="F69" s="860">
        <v>0</v>
      </c>
      <c r="G69" s="861"/>
      <c r="H69" s="511">
        <v>0</v>
      </c>
    </row>
    <row r="70" spans="1:8" s="222" customFormat="1" ht="26.25" customHeight="1" x14ac:dyDescent="0.2">
      <c r="A70" s="426" t="s">
        <v>805</v>
      </c>
      <c r="B70" s="836">
        <v>208714300</v>
      </c>
      <c r="C70" s="836">
        <v>0</v>
      </c>
      <c r="D70" s="836">
        <v>224221325.78</v>
      </c>
      <c r="E70" s="836">
        <v>0</v>
      </c>
      <c r="F70" s="836">
        <v>58434751.930000007</v>
      </c>
      <c r="G70" s="836">
        <v>0</v>
      </c>
      <c r="H70" s="427">
        <v>26.061192764213086</v>
      </c>
    </row>
    <row r="71" spans="1:8" s="222" customFormat="1" ht="15" customHeight="1" x14ac:dyDescent="0.2">
      <c r="A71" s="840" t="s">
        <v>195</v>
      </c>
      <c r="B71" s="840"/>
      <c r="C71" s="840"/>
      <c r="D71" s="840"/>
      <c r="E71" s="840"/>
      <c r="F71" s="840"/>
      <c r="G71" s="840"/>
      <c r="H71" s="840"/>
    </row>
    <row r="72" spans="1:8" s="222" customFormat="1" ht="15" customHeight="1" x14ac:dyDescent="0.2">
      <c r="A72" s="867" t="s">
        <v>196</v>
      </c>
      <c r="B72" s="831" t="s">
        <v>108</v>
      </c>
      <c r="C72" s="848"/>
      <c r="D72" s="831" t="s">
        <v>108</v>
      </c>
      <c r="E72" s="848"/>
      <c r="F72" s="847" t="s">
        <v>109</v>
      </c>
      <c r="G72" s="840"/>
      <c r="H72" s="840"/>
    </row>
    <row r="73" spans="1:8" s="222" customFormat="1" ht="15" customHeight="1" x14ac:dyDescent="0.2">
      <c r="A73" s="868"/>
      <c r="B73" s="832" t="s">
        <v>111</v>
      </c>
      <c r="C73" s="845"/>
      <c r="D73" s="832" t="s">
        <v>112</v>
      </c>
      <c r="E73" s="845"/>
      <c r="F73" s="831" t="s">
        <v>115</v>
      </c>
      <c r="G73" s="848"/>
      <c r="H73" s="219" t="s">
        <v>114</v>
      </c>
    </row>
    <row r="74" spans="1:8" s="222" customFormat="1" ht="15" customHeight="1" x14ac:dyDescent="0.2">
      <c r="A74" s="869"/>
      <c r="B74" s="833"/>
      <c r="C74" s="846"/>
      <c r="D74" s="833" t="s">
        <v>116</v>
      </c>
      <c r="E74" s="846"/>
      <c r="F74" s="833" t="s">
        <v>117</v>
      </c>
      <c r="G74" s="846"/>
      <c r="H74" s="220" t="s">
        <v>188</v>
      </c>
    </row>
    <row r="75" spans="1:8" s="222" customFormat="1" ht="10.5" x14ac:dyDescent="0.2">
      <c r="A75" s="237" t="s">
        <v>478</v>
      </c>
      <c r="B75" s="858">
        <v>1302242850</v>
      </c>
      <c r="C75" s="859"/>
      <c r="D75" s="858">
        <v>1302242850</v>
      </c>
      <c r="E75" s="859"/>
      <c r="F75" s="665">
        <v>892008391.17350006</v>
      </c>
      <c r="G75" s="676"/>
      <c r="H75" s="455">
        <v>68.497852852369292</v>
      </c>
    </row>
    <row r="76" spans="1:8" s="15" customFormat="1" ht="10.5" x14ac:dyDescent="0.2">
      <c r="A76" s="260" t="s">
        <v>479</v>
      </c>
      <c r="B76" s="834">
        <v>1017993150</v>
      </c>
      <c r="C76" s="835">
        <v>0</v>
      </c>
      <c r="D76" s="834">
        <v>1017993150</v>
      </c>
      <c r="E76" s="835">
        <v>0</v>
      </c>
      <c r="F76" s="659">
        <v>696673139.83650005</v>
      </c>
      <c r="G76" s="672">
        <v>0</v>
      </c>
      <c r="H76" s="409">
        <v>68.435935923193597</v>
      </c>
    </row>
    <row r="77" spans="1:8" s="15" customFormat="1" ht="10.5" x14ac:dyDescent="0.2">
      <c r="A77" s="260" t="s">
        <v>480</v>
      </c>
      <c r="B77" s="834">
        <v>21606200</v>
      </c>
      <c r="C77" s="835">
        <v>0</v>
      </c>
      <c r="D77" s="834">
        <v>21606200</v>
      </c>
      <c r="E77" s="835">
        <v>0</v>
      </c>
      <c r="F77" s="659">
        <v>12253455.314000001</v>
      </c>
      <c r="G77" s="672">
        <v>0</v>
      </c>
      <c r="H77" s="409">
        <v>56.712681147078158</v>
      </c>
    </row>
    <row r="78" spans="1:8" s="15" customFormat="1" ht="10.5" x14ac:dyDescent="0.2">
      <c r="A78" s="260" t="s">
        <v>481</v>
      </c>
      <c r="B78" s="834">
        <v>34393500</v>
      </c>
      <c r="C78" s="835">
        <v>0</v>
      </c>
      <c r="D78" s="834">
        <v>34393500</v>
      </c>
      <c r="E78" s="835">
        <v>0</v>
      </c>
      <c r="F78" s="659">
        <v>30987493.188000001</v>
      </c>
      <c r="G78" s="672">
        <v>0</v>
      </c>
      <c r="H78" s="409">
        <v>90.096946190413888</v>
      </c>
    </row>
    <row r="79" spans="1:8" s="15" customFormat="1" ht="10.5" x14ac:dyDescent="0.2">
      <c r="A79" s="260" t="s">
        <v>482</v>
      </c>
      <c r="B79" s="834">
        <v>214100000</v>
      </c>
      <c r="C79" s="835">
        <v>0</v>
      </c>
      <c r="D79" s="834">
        <v>214100000</v>
      </c>
      <c r="E79" s="835">
        <v>0</v>
      </c>
      <c r="F79" s="659">
        <v>140588961.53200001</v>
      </c>
      <c r="G79" s="672">
        <v>0</v>
      </c>
      <c r="H79" s="409">
        <v>65.665091794488561</v>
      </c>
    </row>
    <row r="80" spans="1:8" s="15" customFormat="1" ht="10.5" x14ac:dyDescent="0.2">
      <c r="A80" s="260" t="s">
        <v>483</v>
      </c>
      <c r="B80" s="834">
        <v>3620000</v>
      </c>
      <c r="C80" s="835">
        <v>0</v>
      </c>
      <c r="D80" s="834">
        <v>3620000</v>
      </c>
      <c r="E80" s="835">
        <v>0</v>
      </c>
      <c r="F80" s="659">
        <v>2407567.5019999999</v>
      </c>
      <c r="G80" s="672">
        <v>0</v>
      </c>
      <c r="H80" s="409">
        <v>66.507389558011042</v>
      </c>
    </row>
    <row r="81" spans="1:8" s="15" customFormat="1" ht="10.5" x14ac:dyDescent="0.2">
      <c r="A81" s="260" t="s">
        <v>484</v>
      </c>
      <c r="B81" s="834">
        <v>10530000</v>
      </c>
      <c r="C81" s="835">
        <v>0</v>
      </c>
      <c r="D81" s="834">
        <v>10530000</v>
      </c>
      <c r="E81" s="835">
        <v>0</v>
      </c>
      <c r="F81" s="659">
        <v>9097773.8010000009</v>
      </c>
      <c r="G81" s="672">
        <v>0</v>
      </c>
      <c r="H81" s="409">
        <v>86.398611595441594</v>
      </c>
    </row>
    <row r="82" spans="1:8" s="222" customFormat="1" ht="10.5" x14ac:dyDescent="0.2">
      <c r="A82" s="268" t="s">
        <v>485</v>
      </c>
      <c r="B82" s="854">
        <v>927764000</v>
      </c>
      <c r="C82" s="855"/>
      <c r="D82" s="854">
        <v>929776571.54999995</v>
      </c>
      <c r="E82" s="855"/>
      <c r="F82" s="665">
        <v>573572326.94999993</v>
      </c>
      <c r="G82" s="676"/>
      <c r="H82" s="407">
        <v>61.689264335174244</v>
      </c>
    </row>
    <row r="83" spans="1:8" s="15" customFormat="1" ht="10.5" x14ac:dyDescent="0.2">
      <c r="A83" s="260" t="s">
        <v>486</v>
      </c>
      <c r="B83" s="834">
        <v>927764000</v>
      </c>
      <c r="C83" s="835"/>
      <c r="D83" s="659">
        <v>927764000</v>
      </c>
      <c r="E83" s="672"/>
      <c r="F83" s="659">
        <v>571559755.39999998</v>
      </c>
      <c r="G83" s="672"/>
      <c r="H83" s="409">
        <v>61.606157966896745</v>
      </c>
    </row>
    <row r="84" spans="1:8" s="15" customFormat="1" ht="10.5" x14ac:dyDescent="0.2">
      <c r="A84" s="260" t="s">
        <v>487</v>
      </c>
      <c r="B84" s="834">
        <v>0</v>
      </c>
      <c r="C84" s="835"/>
      <c r="D84" s="659">
        <v>0</v>
      </c>
      <c r="E84" s="672"/>
      <c r="F84" s="665">
        <v>0</v>
      </c>
      <c r="G84" s="676"/>
      <c r="H84" s="549">
        <v>0</v>
      </c>
    </row>
    <row r="85" spans="1:8" s="15" customFormat="1" ht="10.5" x14ac:dyDescent="0.2">
      <c r="A85" s="266" t="s">
        <v>488</v>
      </c>
      <c r="B85" s="919">
        <v>0</v>
      </c>
      <c r="C85" s="920"/>
      <c r="D85" s="659">
        <v>2012571.55</v>
      </c>
      <c r="E85" s="672"/>
      <c r="F85" s="659">
        <v>2012571.55</v>
      </c>
      <c r="G85" s="672"/>
      <c r="H85" s="549">
        <v>100</v>
      </c>
    </row>
    <row r="86" spans="1:8" s="222" customFormat="1" ht="15" customHeight="1" x14ac:dyDescent="0.2">
      <c r="A86" s="234" t="s">
        <v>489</v>
      </c>
      <c r="B86" s="909">
        <v>-374478850</v>
      </c>
      <c r="C86" s="921"/>
      <c r="D86" s="909">
        <v>-374478850</v>
      </c>
      <c r="E86" s="921"/>
      <c r="F86" s="669">
        <v>-320448635.77350008</v>
      </c>
      <c r="G86" s="670"/>
      <c r="H86" s="427">
        <v>85.571891649822177</v>
      </c>
    </row>
    <row r="87" spans="1:8" s="15" customFormat="1" ht="10.5" customHeight="1" x14ac:dyDescent="0.2">
      <c r="A87" s="284" t="s">
        <v>435</v>
      </c>
      <c r="B87" s="282"/>
      <c r="C87" s="282"/>
      <c r="D87" s="282"/>
      <c r="E87" s="282"/>
      <c r="F87" s="393"/>
      <c r="H87" s="508"/>
    </row>
    <row r="88" spans="1:8" s="15" customFormat="1" ht="10.5" customHeight="1" x14ac:dyDescent="0.2">
      <c r="A88" s="101" t="s">
        <v>436</v>
      </c>
      <c r="B88" s="283"/>
      <c r="C88" s="283"/>
      <c r="D88" s="283"/>
      <c r="E88" s="283"/>
      <c r="F88" s="283"/>
      <c r="H88" s="512"/>
    </row>
    <row r="89" spans="1:8" s="222" customFormat="1" ht="51.75" customHeight="1" x14ac:dyDescent="0.2">
      <c r="A89" s="867" t="s">
        <v>197</v>
      </c>
      <c r="B89" s="80" t="s">
        <v>157</v>
      </c>
      <c r="C89" s="80" t="s">
        <v>157</v>
      </c>
      <c r="D89" s="847" t="s">
        <v>158</v>
      </c>
      <c r="E89" s="840"/>
      <c r="F89" s="847" t="s">
        <v>159</v>
      </c>
      <c r="G89" s="840"/>
      <c r="H89" s="923" t="s">
        <v>781</v>
      </c>
    </row>
    <row r="90" spans="1:8" s="222" customFormat="1" ht="15" customHeight="1" x14ac:dyDescent="0.2">
      <c r="A90" s="868"/>
      <c r="B90" s="81" t="s">
        <v>111</v>
      </c>
      <c r="C90" s="81" t="s">
        <v>112</v>
      </c>
      <c r="D90" s="80" t="s">
        <v>115</v>
      </c>
      <c r="E90" s="219" t="s">
        <v>114</v>
      </c>
      <c r="F90" s="238" t="s">
        <v>115</v>
      </c>
      <c r="G90" s="219" t="s">
        <v>114</v>
      </c>
      <c r="H90" s="924"/>
    </row>
    <row r="91" spans="1:8" s="222" customFormat="1" ht="15" customHeight="1" x14ac:dyDescent="0.2">
      <c r="A91" s="869"/>
      <c r="B91" s="218"/>
      <c r="C91" s="217" t="s">
        <v>162</v>
      </c>
      <c r="D91" s="217" t="s">
        <v>163</v>
      </c>
      <c r="E91" s="220" t="s">
        <v>198</v>
      </c>
      <c r="F91" s="217" t="s">
        <v>164</v>
      </c>
      <c r="G91" s="220" t="s">
        <v>455</v>
      </c>
      <c r="H91" s="240" t="s">
        <v>353</v>
      </c>
    </row>
    <row r="92" spans="1:8" s="222" customFormat="1" ht="10.5" x14ac:dyDescent="0.2">
      <c r="A92" s="237" t="s">
        <v>490</v>
      </c>
      <c r="B92" s="488">
        <v>921164000</v>
      </c>
      <c r="C92" s="489">
        <v>921164000</v>
      </c>
      <c r="D92" s="489">
        <v>736905171.21000004</v>
      </c>
      <c r="E92" s="490">
        <v>79.997174358746122</v>
      </c>
      <c r="F92" s="489">
        <v>618673384.30999994</v>
      </c>
      <c r="G92" s="491">
        <v>67.162132292403953</v>
      </c>
      <c r="H92" s="492">
        <v>0</v>
      </c>
    </row>
    <row r="93" spans="1:8" s="15" customFormat="1" ht="10.5" x14ac:dyDescent="0.2">
      <c r="A93" s="260" t="s">
        <v>491</v>
      </c>
      <c r="B93" s="493">
        <v>552698400</v>
      </c>
      <c r="C93" s="494">
        <v>552698400</v>
      </c>
      <c r="D93" s="467">
        <v>442143102.72600001</v>
      </c>
      <c r="E93" s="560">
        <v>79.997174358746122</v>
      </c>
      <c r="F93" s="467">
        <v>371204030.58599997</v>
      </c>
      <c r="G93" s="560">
        <v>67.162132292403953</v>
      </c>
      <c r="H93" s="495">
        <v>0</v>
      </c>
    </row>
    <row r="94" spans="1:8" s="15" customFormat="1" ht="10.5" x14ac:dyDescent="0.2">
      <c r="A94" s="260" t="s">
        <v>492</v>
      </c>
      <c r="B94" s="493">
        <v>368465600</v>
      </c>
      <c r="C94" s="494">
        <v>368465600</v>
      </c>
      <c r="D94" s="467">
        <v>294762068.48400003</v>
      </c>
      <c r="E94" s="560">
        <v>79.997174358746122</v>
      </c>
      <c r="F94" s="467">
        <v>247469353.72399998</v>
      </c>
      <c r="G94" s="560">
        <v>67.162132292403953</v>
      </c>
      <c r="H94" s="495">
        <v>0</v>
      </c>
    </row>
    <row r="95" spans="1:8" s="222" customFormat="1" ht="10.5" x14ac:dyDescent="0.2">
      <c r="A95" s="268" t="s">
        <v>493</v>
      </c>
      <c r="B95" s="496">
        <v>6600000</v>
      </c>
      <c r="C95" s="497">
        <v>6600000</v>
      </c>
      <c r="D95" s="497">
        <v>5494097.4000000004</v>
      </c>
      <c r="E95" s="490">
        <v>83.243900000000011</v>
      </c>
      <c r="F95" s="497">
        <v>3870232.39</v>
      </c>
      <c r="G95" s="490">
        <v>58.639884696969702</v>
      </c>
      <c r="H95" s="495">
        <v>0</v>
      </c>
    </row>
    <row r="96" spans="1:8" s="15" customFormat="1" ht="10.5" x14ac:dyDescent="0.2">
      <c r="A96" s="260" t="s">
        <v>494</v>
      </c>
      <c r="B96" s="493">
        <v>6600000</v>
      </c>
      <c r="C96" s="494">
        <v>6600000</v>
      </c>
      <c r="D96" s="494">
        <v>5494097.4000000004</v>
      </c>
      <c r="E96" s="560">
        <v>83.243900000000011</v>
      </c>
      <c r="F96" s="494">
        <v>3870232.39</v>
      </c>
      <c r="G96" s="560">
        <v>58.639884696969702</v>
      </c>
      <c r="H96" s="495">
        <v>0</v>
      </c>
    </row>
    <row r="97" spans="1:8" s="15" customFormat="1" ht="10.5" x14ac:dyDescent="0.2">
      <c r="A97" s="266" t="s">
        <v>495</v>
      </c>
      <c r="B97" s="498">
        <v>0</v>
      </c>
      <c r="C97" s="499">
        <v>0</v>
      </c>
      <c r="D97" s="499">
        <v>0</v>
      </c>
      <c r="E97" s="500">
        <v>0</v>
      </c>
      <c r="F97" s="499">
        <v>0</v>
      </c>
      <c r="G97" s="501">
        <v>0</v>
      </c>
      <c r="H97" s="502">
        <v>0</v>
      </c>
    </row>
    <row r="98" spans="1:8" s="222" customFormat="1" ht="15" customHeight="1" x14ac:dyDescent="0.2">
      <c r="A98" s="234" t="s">
        <v>496</v>
      </c>
      <c r="B98" s="503">
        <v>927764000</v>
      </c>
      <c r="C98" s="503">
        <v>927764000</v>
      </c>
      <c r="D98" s="503">
        <v>742399268.61000001</v>
      </c>
      <c r="E98" s="504">
        <v>80.020271169176652</v>
      </c>
      <c r="F98" s="503">
        <v>622543616.69999993</v>
      </c>
      <c r="G98" s="505">
        <v>67.101506061886411</v>
      </c>
      <c r="H98" s="506">
        <v>0</v>
      </c>
    </row>
    <row r="99" spans="1:8" s="15" customFormat="1" ht="15" customHeight="1" x14ac:dyDescent="0.2">
      <c r="A99" s="840" t="s">
        <v>437</v>
      </c>
      <c r="B99" s="840"/>
      <c r="C99" s="840"/>
      <c r="D99" s="840"/>
      <c r="E99" s="840"/>
      <c r="F99" s="840"/>
      <c r="G99" s="840"/>
      <c r="H99" s="840"/>
    </row>
    <row r="100" spans="1:8" s="222" customFormat="1" ht="10.5" x14ac:dyDescent="0.2">
      <c r="A100" s="933" t="s">
        <v>497</v>
      </c>
      <c r="B100" s="933"/>
      <c r="C100" s="933"/>
      <c r="D100" s="933"/>
      <c r="E100" s="933"/>
      <c r="F100" s="934"/>
      <c r="G100" s="863">
        <v>0</v>
      </c>
      <c r="H100" s="937"/>
    </row>
    <row r="101" spans="1:8" s="15" customFormat="1" ht="10.5" x14ac:dyDescent="0.2">
      <c r="A101" s="874" t="s">
        <v>498</v>
      </c>
      <c r="B101" s="874"/>
      <c r="C101" s="874"/>
      <c r="D101" s="874"/>
      <c r="E101" s="874"/>
      <c r="F101" s="875"/>
      <c r="G101" s="849">
        <v>0</v>
      </c>
      <c r="H101" s="850"/>
    </row>
    <row r="102" spans="1:8" s="15" customFormat="1" ht="10.5" x14ac:dyDescent="0.2">
      <c r="A102" s="874" t="s">
        <v>499</v>
      </c>
      <c r="B102" s="874"/>
      <c r="C102" s="874"/>
      <c r="D102" s="874"/>
      <c r="E102" s="874"/>
      <c r="F102" s="875"/>
      <c r="G102" s="849">
        <v>0</v>
      </c>
      <c r="H102" s="850"/>
    </row>
    <row r="103" spans="1:8" s="222" customFormat="1" ht="12.75" customHeight="1" x14ac:dyDescent="0.2">
      <c r="A103" s="918" t="s">
        <v>500</v>
      </c>
      <c r="B103" s="918"/>
      <c r="C103" s="918"/>
      <c r="D103" s="918"/>
      <c r="E103" s="918"/>
      <c r="F103" s="922"/>
      <c r="G103" s="849">
        <v>0</v>
      </c>
      <c r="H103" s="850"/>
    </row>
    <row r="104" spans="1:8" s="15" customFormat="1" ht="13.5" customHeight="1" x14ac:dyDescent="0.2">
      <c r="A104" s="874" t="s">
        <v>501</v>
      </c>
      <c r="B104" s="874"/>
      <c r="C104" s="874"/>
      <c r="D104" s="874"/>
      <c r="E104" s="874"/>
      <c r="F104" s="875"/>
      <c r="G104" s="849">
        <v>0</v>
      </c>
      <c r="H104" s="850"/>
    </row>
    <row r="105" spans="1:8" s="15" customFormat="1" ht="10.5" x14ac:dyDescent="0.2">
      <c r="A105" s="865" t="s">
        <v>502</v>
      </c>
      <c r="B105" s="865"/>
      <c r="C105" s="865"/>
      <c r="D105" s="865"/>
      <c r="E105" s="865"/>
      <c r="F105" s="866"/>
      <c r="G105" s="851">
        <v>0</v>
      </c>
      <c r="H105" s="852"/>
    </row>
    <row r="106" spans="1:8" s="222" customFormat="1" ht="15" customHeight="1" x14ac:dyDescent="0.2">
      <c r="A106" s="898" t="s">
        <v>503</v>
      </c>
      <c r="B106" s="898"/>
      <c r="C106" s="898"/>
      <c r="D106" s="898"/>
      <c r="E106" s="898"/>
      <c r="F106" s="899"/>
      <c r="G106" s="935">
        <v>0</v>
      </c>
      <c r="H106" s="936"/>
    </row>
    <row r="107" spans="1:8" s="222" customFormat="1" ht="15" customHeight="1" x14ac:dyDescent="0.2">
      <c r="A107" s="898" t="s">
        <v>438</v>
      </c>
      <c r="B107" s="898"/>
      <c r="C107" s="898"/>
      <c r="D107" s="898"/>
      <c r="E107" s="898"/>
      <c r="F107" s="899"/>
      <c r="G107" s="847" t="s">
        <v>209</v>
      </c>
      <c r="H107" s="840"/>
    </row>
    <row r="108" spans="1:8" s="222" customFormat="1" ht="12.75" customHeight="1" x14ac:dyDescent="0.2">
      <c r="A108" s="886" t="s">
        <v>504</v>
      </c>
      <c r="B108" s="886"/>
      <c r="C108" s="886"/>
      <c r="D108" s="886"/>
      <c r="E108" s="886"/>
      <c r="F108" s="889"/>
      <c r="G108" s="863">
        <v>622543616.69999993</v>
      </c>
      <c r="H108" s="937" t="e">
        <v>#DIV/0!</v>
      </c>
    </row>
    <row r="109" spans="1:8" s="15" customFormat="1" ht="16.5" customHeight="1" x14ac:dyDescent="0.2">
      <c r="A109" s="887" t="s">
        <v>640</v>
      </c>
      <c r="B109" s="887"/>
      <c r="C109" s="887"/>
      <c r="D109" s="887"/>
      <c r="E109" s="887"/>
      <c r="F109" s="888"/>
      <c r="G109" s="925">
        <v>107.86318572930935</v>
      </c>
      <c r="H109" s="926"/>
    </row>
    <row r="110" spans="1:8" s="15" customFormat="1" ht="10.5" x14ac:dyDescent="0.2">
      <c r="A110" s="887" t="s">
        <v>505</v>
      </c>
      <c r="B110" s="887"/>
      <c r="C110" s="887"/>
      <c r="D110" s="887"/>
      <c r="E110" s="887"/>
      <c r="F110" s="888"/>
      <c r="G110" s="925">
        <v>0.67475926019307064</v>
      </c>
      <c r="H110" s="926" t="e">
        <v>#DIV/0!</v>
      </c>
    </row>
    <row r="111" spans="1:8" s="15" customFormat="1" ht="15" customHeight="1" x14ac:dyDescent="0.2">
      <c r="A111" s="938" t="s">
        <v>506</v>
      </c>
      <c r="B111" s="938"/>
      <c r="C111" s="938"/>
      <c r="D111" s="938"/>
      <c r="E111" s="938"/>
      <c r="F111" s="939"/>
      <c r="G111" s="927">
        <v>-8.5379449895024209</v>
      </c>
      <c r="H111" s="928"/>
    </row>
    <row r="112" spans="1:8" s="222" customFormat="1" ht="15" customHeight="1" x14ac:dyDescent="0.2">
      <c r="A112" s="840" t="s">
        <v>342</v>
      </c>
      <c r="B112" s="840"/>
      <c r="C112" s="840"/>
      <c r="D112" s="840"/>
      <c r="E112" s="840"/>
      <c r="F112" s="940"/>
      <c r="G112" s="847" t="s">
        <v>209</v>
      </c>
      <c r="H112" s="840"/>
    </row>
    <row r="113" spans="1:10" s="222" customFormat="1" ht="15" customHeight="1" x14ac:dyDescent="0.2">
      <c r="A113" s="941" t="s">
        <v>815</v>
      </c>
      <c r="B113" s="941"/>
      <c r="C113" s="941"/>
      <c r="D113" s="941"/>
      <c r="E113" s="941"/>
      <c r="F113" s="942"/>
      <c r="G113" s="929">
        <v>0</v>
      </c>
      <c r="H113" s="930"/>
    </row>
    <row r="114" spans="1:10" s="222" customFormat="1" ht="17.25" customHeight="1" x14ac:dyDescent="0.2">
      <c r="A114" s="900" t="s">
        <v>816</v>
      </c>
      <c r="B114" s="900"/>
      <c r="C114" s="900"/>
      <c r="D114" s="900"/>
      <c r="E114" s="900"/>
      <c r="F114" s="901"/>
      <c r="G114" s="931">
        <v>0</v>
      </c>
      <c r="H114" s="932"/>
    </row>
    <row r="115" spans="1:10" s="15" customFormat="1" ht="15" customHeight="1" x14ac:dyDescent="0.2">
      <c r="A115" s="840" t="s">
        <v>341</v>
      </c>
      <c r="B115" s="840"/>
      <c r="C115" s="840"/>
      <c r="D115" s="840"/>
      <c r="E115" s="840"/>
      <c r="F115" s="840"/>
      <c r="G115" s="840"/>
      <c r="H115" s="840"/>
    </row>
    <row r="116" spans="1:10" s="222" customFormat="1" ht="15" customHeight="1" x14ac:dyDescent="0.2">
      <c r="A116" s="867" t="s">
        <v>343</v>
      </c>
      <c r="B116" s="831" t="s">
        <v>108</v>
      </c>
      <c r="C116" s="848"/>
      <c r="D116" s="831" t="s">
        <v>108</v>
      </c>
      <c r="E116" s="848"/>
      <c r="F116" s="847" t="s">
        <v>109</v>
      </c>
      <c r="G116" s="840"/>
      <c r="H116" s="840"/>
    </row>
    <row r="117" spans="1:10" s="222" customFormat="1" ht="15" customHeight="1" x14ac:dyDescent="0.2">
      <c r="A117" s="868"/>
      <c r="B117" s="832" t="s">
        <v>111</v>
      </c>
      <c r="C117" s="845"/>
      <c r="D117" s="832" t="s">
        <v>112</v>
      </c>
      <c r="E117" s="845"/>
      <c r="F117" s="831" t="s">
        <v>115</v>
      </c>
      <c r="G117" s="848"/>
      <c r="H117" s="219" t="s">
        <v>114</v>
      </c>
    </row>
    <row r="118" spans="1:10" s="222" customFormat="1" ht="15" customHeight="1" x14ac:dyDescent="0.2">
      <c r="A118" s="869"/>
      <c r="B118" s="833"/>
      <c r="C118" s="846"/>
      <c r="D118" s="833" t="s">
        <v>116</v>
      </c>
      <c r="E118" s="846"/>
      <c r="F118" s="833" t="s">
        <v>117</v>
      </c>
      <c r="G118" s="846"/>
      <c r="H118" s="220" t="s">
        <v>188</v>
      </c>
    </row>
    <row r="119" spans="1:10" s="222" customFormat="1" ht="15" customHeight="1" x14ac:dyDescent="0.2">
      <c r="A119" s="249" t="s">
        <v>782</v>
      </c>
      <c r="B119" s="837">
        <v>1773576312.5</v>
      </c>
      <c r="C119" s="838"/>
      <c r="D119" s="837">
        <v>1773576312.5</v>
      </c>
      <c r="E119" s="838"/>
      <c r="F119" s="837">
        <v>1209157540.129375</v>
      </c>
      <c r="G119" s="838"/>
      <c r="H119" s="487">
        <v>68.17623417765256</v>
      </c>
    </row>
    <row r="120" spans="1:10" s="222" customFormat="1" ht="50.1" customHeight="1" x14ac:dyDescent="0.2">
      <c r="A120" s="867" t="s">
        <v>344</v>
      </c>
      <c r="B120" s="80" t="s">
        <v>157</v>
      </c>
      <c r="C120" s="80" t="s">
        <v>157</v>
      </c>
      <c r="D120" s="847" t="s">
        <v>158</v>
      </c>
      <c r="E120" s="840"/>
      <c r="F120" s="847" t="s">
        <v>159</v>
      </c>
      <c r="G120" s="840"/>
      <c r="H120" s="246" t="s">
        <v>781</v>
      </c>
    </row>
    <row r="121" spans="1:10" customFormat="1" ht="15" customHeight="1" x14ac:dyDescent="0.2">
      <c r="A121" s="868"/>
      <c r="B121" s="81" t="s">
        <v>111</v>
      </c>
      <c r="C121" s="81" t="s">
        <v>112</v>
      </c>
      <c r="D121" s="80" t="s">
        <v>115</v>
      </c>
      <c r="E121" s="219" t="s">
        <v>114</v>
      </c>
      <c r="F121" s="80" t="s">
        <v>115</v>
      </c>
      <c r="G121" s="219" t="s">
        <v>114</v>
      </c>
      <c r="H121" s="247"/>
    </row>
    <row r="122" spans="1:10" s="222" customFormat="1" ht="15" customHeight="1" x14ac:dyDescent="0.2">
      <c r="A122" s="869"/>
      <c r="B122" s="218"/>
      <c r="C122" s="217" t="s">
        <v>162</v>
      </c>
      <c r="D122" s="217" t="s">
        <v>163</v>
      </c>
      <c r="E122" s="220" t="s">
        <v>198</v>
      </c>
      <c r="F122" s="217" t="s">
        <v>164</v>
      </c>
      <c r="G122" s="220" t="s">
        <v>455</v>
      </c>
      <c r="H122" s="239" t="s">
        <v>353</v>
      </c>
      <c r="I122" s="15"/>
      <c r="J122" s="15"/>
    </row>
    <row r="123" spans="1:10" s="222" customFormat="1" ht="10.5" x14ac:dyDescent="0.2">
      <c r="A123" s="237" t="s">
        <v>507</v>
      </c>
      <c r="B123" s="488">
        <v>140400</v>
      </c>
      <c r="C123" s="545">
        <v>140400</v>
      </c>
      <c r="D123" s="513">
        <v>0</v>
      </c>
      <c r="E123" s="547">
        <v>0</v>
      </c>
      <c r="F123" s="545">
        <v>0</v>
      </c>
      <c r="G123" s="513">
        <v>0</v>
      </c>
      <c r="H123" s="545">
        <v>0</v>
      </c>
      <c r="I123" s="15"/>
      <c r="J123" s="15"/>
    </row>
    <row r="124" spans="1:10" s="15" customFormat="1" ht="10.5" x14ac:dyDescent="0.2">
      <c r="A124" s="260" t="s">
        <v>508</v>
      </c>
      <c r="B124" s="514">
        <v>140400</v>
      </c>
      <c r="C124" s="549">
        <v>140400</v>
      </c>
      <c r="D124" s="324">
        <v>0</v>
      </c>
      <c r="E124" s="547">
        <v>0</v>
      </c>
      <c r="F124" s="545">
        <v>0</v>
      </c>
      <c r="G124" s="324">
        <v>0</v>
      </c>
      <c r="H124" s="545">
        <v>0</v>
      </c>
    </row>
    <row r="125" spans="1:10" customFormat="1" ht="12.75" x14ac:dyDescent="0.2">
      <c r="A125" s="260" t="s">
        <v>509</v>
      </c>
      <c r="B125" s="514"/>
      <c r="C125" s="545"/>
      <c r="D125" s="324"/>
      <c r="E125" s="547"/>
      <c r="F125" s="545"/>
      <c r="G125" s="324"/>
      <c r="H125" s="545">
        <v>0</v>
      </c>
      <c r="I125" s="15"/>
      <c r="J125" s="15"/>
    </row>
    <row r="126" spans="1:10" s="222" customFormat="1" ht="10.5" x14ac:dyDescent="0.2">
      <c r="A126" s="268" t="s">
        <v>510</v>
      </c>
      <c r="B126" s="490">
        <v>571144100</v>
      </c>
      <c r="C126" s="545">
        <v>567780866</v>
      </c>
      <c r="D126" s="324">
        <v>454932015.35600001</v>
      </c>
      <c r="E126" s="490">
        <v>80.124576680609735</v>
      </c>
      <c r="F126" s="545">
        <v>378098168.67599994</v>
      </c>
      <c r="G126" s="480">
        <v>66.592270243217371</v>
      </c>
      <c r="H126" s="545">
        <v>0</v>
      </c>
      <c r="I126" s="15"/>
      <c r="J126" s="15"/>
    </row>
    <row r="127" spans="1:10" s="15" customFormat="1" ht="10.5" x14ac:dyDescent="0.2">
      <c r="A127" s="260" t="s">
        <v>511</v>
      </c>
      <c r="B127" s="514">
        <v>559298400</v>
      </c>
      <c r="C127" s="549">
        <v>559298400</v>
      </c>
      <c r="D127" s="470">
        <v>447637200.12599999</v>
      </c>
      <c r="E127" s="560">
        <v>80.035487340210523</v>
      </c>
      <c r="F127" s="549">
        <v>375074262.97599995</v>
      </c>
      <c r="G127" s="515">
        <v>67.061565521374632</v>
      </c>
      <c r="H127" s="545">
        <v>0</v>
      </c>
    </row>
    <row r="128" spans="1:10" s="15" customFormat="1" ht="10.5" x14ac:dyDescent="0.2">
      <c r="A128" s="260" t="s">
        <v>512</v>
      </c>
      <c r="B128" s="514">
        <v>11845700</v>
      </c>
      <c r="C128" s="549">
        <v>8482466</v>
      </c>
      <c r="D128" s="470">
        <v>7294815.2300000004</v>
      </c>
      <c r="E128" s="560">
        <v>85.998755904238237</v>
      </c>
      <c r="F128" s="549">
        <v>3023905.7</v>
      </c>
      <c r="G128" s="515">
        <v>35.648898563224421</v>
      </c>
      <c r="H128" s="545">
        <v>0</v>
      </c>
    </row>
    <row r="129" spans="1:10" s="222" customFormat="1" ht="10.5" x14ac:dyDescent="0.2">
      <c r="A129" s="268" t="s">
        <v>513</v>
      </c>
      <c r="B129" s="496">
        <v>396382800</v>
      </c>
      <c r="C129" s="545">
        <v>373678565</v>
      </c>
      <c r="D129" s="324">
        <v>297159761.074</v>
      </c>
      <c r="E129" s="490">
        <v>79.522827613620279</v>
      </c>
      <c r="F129" s="545">
        <v>249615758.96399999</v>
      </c>
      <c r="G129" s="480">
        <v>66.799592576041917</v>
      </c>
      <c r="H129" s="545">
        <v>0</v>
      </c>
      <c r="I129" s="15"/>
      <c r="J129" s="15"/>
    </row>
    <row r="130" spans="1:10" s="15" customFormat="1" ht="10.5" x14ac:dyDescent="0.2">
      <c r="A130" s="260" t="s">
        <v>514</v>
      </c>
      <c r="B130" s="514">
        <v>368465600</v>
      </c>
      <c r="C130" s="549">
        <v>368465600</v>
      </c>
      <c r="D130" s="470">
        <v>294762068.48400003</v>
      </c>
      <c r="E130" s="560">
        <v>79.997174358746122</v>
      </c>
      <c r="F130" s="549">
        <v>247469353.72399998</v>
      </c>
      <c r="G130" s="515">
        <v>67.162132292403953</v>
      </c>
      <c r="H130" s="545">
        <v>0</v>
      </c>
    </row>
    <row r="131" spans="1:10" s="15" customFormat="1" ht="10.5" x14ac:dyDescent="0.2">
      <c r="A131" s="260" t="s">
        <v>515</v>
      </c>
      <c r="B131" s="514">
        <v>27917200</v>
      </c>
      <c r="C131" s="549">
        <v>5212965</v>
      </c>
      <c r="D131" s="470">
        <v>2397692.59</v>
      </c>
      <c r="E131" s="560">
        <v>45.994795476278853</v>
      </c>
      <c r="F131" s="549">
        <v>2146405.2400000002</v>
      </c>
      <c r="G131" s="324">
        <v>41.174365068631772</v>
      </c>
      <c r="H131" s="545">
        <v>0</v>
      </c>
    </row>
    <row r="132" spans="1:10" s="222" customFormat="1" ht="10.5" x14ac:dyDescent="0.2">
      <c r="A132" s="268" t="s">
        <v>516</v>
      </c>
      <c r="B132" s="496">
        <v>18984800</v>
      </c>
      <c r="C132" s="545">
        <v>15752070</v>
      </c>
      <c r="D132" s="324">
        <v>10623452.029999999</v>
      </c>
      <c r="E132" s="490">
        <v>67.441625322894055</v>
      </c>
      <c r="F132" s="545">
        <v>6324897.8700000001</v>
      </c>
      <c r="G132" s="480">
        <v>40.152804488552931</v>
      </c>
      <c r="H132" s="545">
        <v>0</v>
      </c>
      <c r="I132" s="15"/>
      <c r="J132" s="15"/>
    </row>
    <row r="133" spans="1:10" s="222" customFormat="1" ht="10.5" x14ac:dyDescent="0.2">
      <c r="A133" s="268" t="s">
        <v>517</v>
      </c>
      <c r="B133" s="496">
        <v>1775100</v>
      </c>
      <c r="C133" s="545">
        <v>5845139</v>
      </c>
      <c r="D133" s="324">
        <v>2876945.41</v>
      </c>
      <c r="E133" s="490">
        <v>49.219452437315866</v>
      </c>
      <c r="F133" s="545">
        <v>2242039.12</v>
      </c>
      <c r="G133" s="324">
        <v>38.357327687160222</v>
      </c>
      <c r="H133" s="545">
        <v>0</v>
      </c>
      <c r="I133" s="15"/>
      <c r="J133" s="15"/>
    </row>
    <row r="134" spans="1:10" s="222" customFormat="1" ht="10.5" x14ac:dyDescent="0.2">
      <c r="A134" s="262" t="s">
        <v>518</v>
      </c>
      <c r="B134" s="496">
        <v>532524200</v>
      </c>
      <c r="C134" s="545">
        <v>1150365738.55</v>
      </c>
      <c r="D134" s="516">
        <v>1084362680.01</v>
      </c>
      <c r="E134" s="490">
        <v>94.262428345336957</v>
      </c>
      <c r="F134" s="545">
        <v>941540703.45000005</v>
      </c>
      <c r="G134" s="517">
        <v>81.847074534467851</v>
      </c>
      <c r="H134" s="545">
        <v>0</v>
      </c>
      <c r="I134" s="15"/>
      <c r="J134" s="15"/>
    </row>
    <row r="135" spans="1:10" s="222" customFormat="1" ht="18" customHeight="1" x14ac:dyDescent="0.2">
      <c r="A135" s="234" t="s">
        <v>519</v>
      </c>
      <c r="B135" s="518">
        <v>1520951400</v>
      </c>
      <c r="C135" s="518">
        <v>2113562778.55</v>
      </c>
      <c r="D135" s="518">
        <v>1849954853.8800001</v>
      </c>
      <c r="E135" s="561">
        <v>87.527793006893944</v>
      </c>
      <c r="F135" s="519">
        <v>1577821568.0799999</v>
      </c>
      <c r="G135" s="341">
        <v>74.652221551822436</v>
      </c>
      <c r="H135" s="543">
        <v>0</v>
      </c>
      <c r="I135" s="15"/>
      <c r="J135" s="15"/>
    </row>
    <row r="136" spans="1:10" s="222" customFormat="1" ht="10.5" x14ac:dyDescent="0.2">
      <c r="A136" s="891" t="s">
        <v>345</v>
      </c>
      <c r="B136" s="891"/>
      <c r="C136" s="891"/>
      <c r="D136" s="891"/>
      <c r="E136" s="891"/>
      <c r="F136" s="867"/>
      <c r="G136" s="831" t="s">
        <v>209</v>
      </c>
      <c r="H136" s="872"/>
    </row>
    <row r="137" spans="1:10" s="222" customFormat="1" ht="12.75" customHeight="1" x14ac:dyDescent="0.2">
      <c r="A137" s="893"/>
      <c r="B137" s="893"/>
      <c r="C137" s="893"/>
      <c r="D137" s="893"/>
      <c r="E137" s="893"/>
      <c r="F137" s="868"/>
      <c r="G137" s="832"/>
      <c r="H137" s="873"/>
    </row>
    <row r="138" spans="1:10" s="222" customFormat="1" ht="10.5" x14ac:dyDescent="0.2">
      <c r="A138" s="895"/>
      <c r="B138" s="895"/>
      <c r="C138" s="895"/>
      <c r="D138" s="895"/>
      <c r="E138" s="895"/>
      <c r="F138" s="869"/>
      <c r="G138" s="833"/>
      <c r="H138" s="871"/>
    </row>
    <row r="139" spans="1:10" s="15" customFormat="1" ht="10.5" x14ac:dyDescent="0.2">
      <c r="A139" s="918" t="s">
        <v>520</v>
      </c>
      <c r="B139" s="918"/>
      <c r="C139" s="918"/>
      <c r="D139" s="918"/>
      <c r="E139" s="248"/>
      <c r="F139" s="241"/>
      <c r="G139" s="810">
        <v>-320448635.77350008</v>
      </c>
      <c r="H139" s="812"/>
    </row>
    <row r="140" spans="1:10" s="15" customFormat="1" ht="10.5" x14ac:dyDescent="0.2">
      <c r="A140" s="918" t="s">
        <v>521</v>
      </c>
      <c r="B140" s="918"/>
      <c r="C140" s="918"/>
      <c r="D140" s="918"/>
      <c r="E140" s="7"/>
      <c r="F140" s="242"/>
      <c r="G140" s="677">
        <v>0</v>
      </c>
      <c r="H140" s="908"/>
    </row>
    <row r="141" spans="1:10" s="15" customFormat="1" ht="10.5" x14ac:dyDescent="0.2">
      <c r="A141" s="918" t="s">
        <v>522</v>
      </c>
      <c r="B141" s="918"/>
      <c r="C141" s="918"/>
      <c r="D141" s="918"/>
      <c r="E141" s="7"/>
      <c r="F141" s="242"/>
      <c r="G141" s="677">
        <v>2012571.55</v>
      </c>
      <c r="H141" s="908"/>
    </row>
    <row r="142" spans="1:10" s="15" customFormat="1" ht="10.5" x14ac:dyDescent="0.2">
      <c r="A142" s="918" t="s">
        <v>523</v>
      </c>
      <c r="B142" s="918"/>
      <c r="C142" s="918"/>
      <c r="D142" s="918"/>
      <c r="E142" s="7"/>
      <c r="F142" s="242"/>
      <c r="G142" s="677">
        <v>0</v>
      </c>
      <c r="H142" s="908"/>
    </row>
    <row r="143" spans="1:10" s="15" customFormat="1" ht="10.5" x14ac:dyDescent="0.2">
      <c r="A143" s="918" t="s">
        <v>524</v>
      </c>
      <c r="B143" s="918"/>
      <c r="C143" s="918"/>
      <c r="D143" s="918"/>
      <c r="E143" s="7"/>
      <c r="F143" s="242"/>
      <c r="G143" s="665">
        <v>0</v>
      </c>
      <c r="H143" s="911"/>
    </row>
    <row r="144" spans="1:10" s="15" customFormat="1" ht="10.5" x14ac:dyDescent="0.2">
      <c r="A144" s="918" t="s">
        <v>783</v>
      </c>
      <c r="B144" s="918"/>
      <c r="C144" s="918"/>
      <c r="D144" s="918"/>
      <c r="E144" s="7"/>
      <c r="F144" s="242"/>
      <c r="G144" s="665">
        <v>0</v>
      </c>
      <c r="H144" s="666"/>
    </row>
    <row r="145" spans="1:8" s="15" customFormat="1" ht="12.75" customHeight="1" x14ac:dyDescent="0.2">
      <c r="A145" s="876" t="s">
        <v>541</v>
      </c>
      <c r="B145" s="876"/>
      <c r="C145" s="876"/>
      <c r="D145" s="876"/>
      <c r="E145" s="876"/>
      <c r="F145" s="877"/>
      <c r="G145" s="896">
        <v>999703.6</v>
      </c>
      <c r="H145" s="897"/>
    </row>
    <row r="146" spans="1:8" s="15" customFormat="1" ht="10.5" x14ac:dyDescent="0.2">
      <c r="A146" s="914" t="s">
        <v>784</v>
      </c>
      <c r="B146" s="914"/>
      <c r="C146" s="914"/>
      <c r="D146" s="914"/>
      <c r="E146" s="269"/>
      <c r="F146" s="279"/>
      <c r="G146" s="909">
        <v>-317436360.62350005</v>
      </c>
      <c r="H146" s="910"/>
    </row>
    <row r="147" spans="1:8" s="15" customFormat="1" ht="10.5" x14ac:dyDescent="0.2">
      <c r="A147" s="914" t="s">
        <v>785</v>
      </c>
      <c r="B147" s="914"/>
      <c r="C147" s="914"/>
      <c r="D147" s="914"/>
      <c r="E147" s="269"/>
      <c r="F147" s="279"/>
      <c r="G147" s="909">
        <v>1895257928.7035</v>
      </c>
      <c r="H147" s="910"/>
    </row>
    <row r="148" spans="1:8" s="15" customFormat="1" ht="8.25" customHeight="1" x14ac:dyDescent="0.2">
      <c r="A148" s="270"/>
      <c r="B148" s="250"/>
      <c r="C148" s="250"/>
      <c r="D148" s="250"/>
      <c r="E148" s="245"/>
      <c r="F148" s="245"/>
      <c r="G148" s="598"/>
      <c r="H148" s="598"/>
    </row>
    <row r="149" spans="1:8" s="15" customFormat="1" ht="15" customHeight="1" x14ac:dyDescent="0.2">
      <c r="A149" s="233" t="s">
        <v>786</v>
      </c>
      <c r="B149" s="233"/>
      <c r="C149" s="233"/>
      <c r="D149" s="233"/>
      <c r="E149" s="269"/>
      <c r="F149" s="279"/>
      <c r="G149" s="909">
        <v>39.185504489777131</v>
      </c>
      <c r="H149" s="910"/>
    </row>
    <row r="150" spans="1:8" s="15" customFormat="1" ht="6.75" customHeight="1" x14ac:dyDescent="0.2">
      <c r="A150" s="107"/>
      <c r="B150" s="107"/>
      <c r="C150" s="107"/>
      <c r="D150" s="107"/>
      <c r="E150" s="42"/>
      <c r="F150" s="42"/>
      <c r="G150" s="87"/>
      <c r="H150" s="91"/>
    </row>
    <row r="151" spans="1:8" s="15" customFormat="1" ht="15" customHeight="1" x14ac:dyDescent="0.2">
      <c r="A151" s="871" t="s">
        <v>347</v>
      </c>
      <c r="B151" s="871"/>
      <c r="C151" s="871"/>
      <c r="D151" s="871"/>
      <c r="E151" s="871"/>
      <c r="F151" s="871"/>
      <c r="G151" s="871"/>
      <c r="H151" s="871"/>
    </row>
    <row r="152" spans="1:8" s="222" customFormat="1" ht="45.75" customHeight="1" x14ac:dyDescent="0.2">
      <c r="A152" s="867" t="s">
        <v>346</v>
      </c>
      <c r="B152" s="80" t="s">
        <v>157</v>
      </c>
      <c r="C152" s="80" t="s">
        <v>157</v>
      </c>
      <c r="D152" s="847" t="s">
        <v>158</v>
      </c>
      <c r="E152" s="840"/>
      <c r="F152" s="847" t="s">
        <v>159</v>
      </c>
      <c r="G152" s="840"/>
      <c r="H152" s="369" t="s">
        <v>781</v>
      </c>
    </row>
    <row r="153" spans="1:8" s="222" customFormat="1" ht="21" customHeight="1" x14ac:dyDescent="0.2">
      <c r="A153" s="868"/>
      <c r="B153" s="81" t="s">
        <v>111</v>
      </c>
      <c r="C153" s="81" t="s">
        <v>112</v>
      </c>
      <c r="D153" s="80" t="s">
        <v>115</v>
      </c>
      <c r="E153" s="219" t="s">
        <v>114</v>
      </c>
      <c r="F153" s="80" t="s">
        <v>115</v>
      </c>
      <c r="G153" s="219" t="s">
        <v>114</v>
      </c>
      <c r="H153" s="912" t="s">
        <v>353</v>
      </c>
    </row>
    <row r="154" spans="1:8" s="222" customFormat="1" ht="16.5" customHeight="1" x14ac:dyDescent="0.2">
      <c r="A154" s="869"/>
      <c r="B154" s="218"/>
      <c r="C154" s="217" t="s">
        <v>162</v>
      </c>
      <c r="D154" s="217" t="s">
        <v>163</v>
      </c>
      <c r="E154" s="220" t="s">
        <v>198</v>
      </c>
      <c r="F154" s="217" t="s">
        <v>164</v>
      </c>
      <c r="G154" s="220" t="s">
        <v>455</v>
      </c>
      <c r="H154" s="913"/>
    </row>
    <row r="155" spans="1:8" s="222" customFormat="1" ht="21" x14ac:dyDescent="0.2">
      <c r="A155" s="268" t="s">
        <v>787</v>
      </c>
      <c r="B155" s="324">
        <v>0</v>
      </c>
      <c r="C155" s="324">
        <v>0</v>
      </c>
      <c r="D155" s="324">
        <v>0</v>
      </c>
      <c r="E155" s="324">
        <v>0</v>
      </c>
      <c r="F155" s="513">
        <v>0</v>
      </c>
      <c r="G155" s="551">
        <v>0</v>
      </c>
      <c r="H155" s="550">
        <v>0</v>
      </c>
    </row>
    <row r="156" spans="1:8" s="222" customFormat="1" ht="12.75" customHeight="1" x14ac:dyDescent="0.2">
      <c r="A156" s="268" t="s">
        <v>788</v>
      </c>
      <c r="B156" s="324">
        <v>47811000</v>
      </c>
      <c r="C156" s="324">
        <v>47811000</v>
      </c>
      <c r="D156" s="324">
        <v>42259126.530000001</v>
      </c>
      <c r="E156" s="324">
        <v>88.38787419213152</v>
      </c>
      <c r="F156" s="324">
        <v>31157035.370000001</v>
      </c>
      <c r="G156" s="546">
        <v>65.167085754324319</v>
      </c>
      <c r="H156" s="545">
        <v>0</v>
      </c>
    </row>
    <row r="157" spans="1:8" s="222" customFormat="1" ht="12.75" customHeight="1" x14ac:dyDescent="0.2">
      <c r="A157" s="268" t="s">
        <v>789</v>
      </c>
      <c r="B157" s="324">
        <v>200000</v>
      </c>
      <c r="C157" s="324">
        <v>15671000</v>
      </c>
      <c r="D157" s="324">
        <v>13069767.43</v>
      </c>
      <c r="E157" s="324">
        <v>83.400979069619041</v>
      </c>
      <c r="F157" s="324">
        <v>8055530.0499999998</v>
      </c>
      <c r="G157" s="546">
        <v>0</v>
      </c>
      <c r="H157" s="545">
        <v>0</v>
      </c>
    </row>
    <row r="158" spans="1:8" s="222" customFormat="1" ht="13.5" customHeight="1" x14ac:dyDescent="0.2">
      <c r="A158" s="262" t="s">
        <v>790</v>
      </c>
      <c r="B158" s="516">
        <v>161952800</v>
      </c>
      <c r="C158" s="516">
        <v>161965800</v>
      </c>
      <c r="D158" s="516">
        <v>59290486.409999996</v>
      </c>
      <c r="E158" s="516">
        <v>36.606793786095579</v>
      </c>
      <c r="F158" s="516">
        <v>30727592.75</v>
      </c>
      <c r="G158" s="520">
        <v>18.971654972839946</v>
      </c>
      <c r="H158" s="557"/>
    </row>
    <row r="159" spans="1:8" s="222" customFormat="1" ht="26.25" customHeight="1" x14ac:dyDescent="0.2">
      <c r="A159" s="234" t="s">
        <v>791</v>
      </c>
      <c r="B159" s="521">
        <v>209963800</v>
      </c>
      <c r="C159" s="522">
        <v>225447800</v>
      </c>
      <c r="D159" s="522">
        <v>114619380.37</v>
      </c>
      <c r="E159" s="522">
        <v>50.840762415956156</v>
      </c>
      <c r="F159" s="522">
        <v>69940158.170000002</v>
      </c>
      <c r="G159" s="521">
        <v>31.022772530936209</v>
      </c>
      <c r="H159" s="523">
        <v>0</v>
      </c>
    </row>
    <row r="160" spans="1:8" s="222" customFormat="1" ht="15.75" customHeight="1" x14ac:dyDescent="0.2">
      <c r="A160" s="234" t="s">
        <v>621</v>
      </c>
      <c r="B160" s="542">
        <v>1730915200</v>
      </c>
      <c r="C160" s="542">
        <v>2339010578.5500002</v>
      </c>
      <c r="D160" s="542">
        <v>1964574234.25</v>
      </c>
      <c r="E160" s="522">
        <v>83.991678031139088</v>
      </c>
      <c r="F160" s="341">
        <v>1647761726.25</v>
      </c>
      <c r="G160" s="521">
        <v>70.446954851802374</v>
      </c>
      <c r="H160" s="523">
        <v>0</v>
      </c>
    </row>
    <row r="161" spans="1:8" s="222" customFormat="1" ht="12.75" customHeight="1" x14ac:dyDescent="0.2">
      <c r="A161" s="891" t="s">
        <v>199</v>
      </c>
      <c r="B161" s="891"/>
      <c r="C161" s="831" t="s">
        <v>200</v>
      </c>
      <c r="D161" s="872"/>
      <c r="E161" s="872"/>
      <c r="F161" s="890" t="s">
        <v>806</v>
      </c>
      <c r="G161" s="891"/>
      <c r="H161" s="891"/>
    </row>
    <row r="162" spans="1:8" s="222" customFormat="1" ht="10.5" x14ac:dyDescent="0.2">
      <c r="A162" s="893"/>
      <c r="B162" s="893"/>
      <c r="C162" s="832"/>
      <c r="D162" s="873"/>
      <c r="E162" s="873"/>
      <c r="F162" s="892"/>
      <c r="G162" s="893"/>
      <c r="H162" s="893"/>
    </row>
    <row r="163" spans="1:8" s="222" customFormat="1" ht="10.5" x14ac:dyDescent="0.2">
      <c r="A163" s="895"/>
      <c r="B163" s="895"/>
      <c r="C163" s="833"/>
      <c r="D163" s="871"/>
      <c r="E163" s="871"/>
      <c r="F163" s="894"/>
      <c r="G163" s="895"/>
      <c r="H163" s="895"/>
    </row>
    <row r="164" spans="1:8" s="222" customFormat="1" ht="15.75" customHeight="1" x14ac:dyDescent="0.2">
      <c r="A164" s="886" t="s">
        <v>525</v>
      </c>
      <c r="B164" s="886"/>
      <c r="C164" s="810">
        <v>25808117.009999998</v>
      </c>
      <c r="D164" s="812"/>
      <c r="E164" s="811"/>
      <c r="F164" s="810">
        <v>999703.6</v>
      </c>
      <c r="G164" s="812"/>
      <c r="H164" s="812"/>
    </row>
    <row r="165" spans="1:8" s="15" customFormat="1" ht="10.5" x14ac:dyDescent="0.2">
      <c r="A165" s="885" t="s">
        <v>526</v>
      </c>
      <c r="B165" s="885"/>
      <c r="C165" s="673">
        <v>25808117.009999998</v>
      </c>
      <c r="D165" s="809"/>
      <c r="E165" s="674"/>
      <c r="F165" s="673">
        <v>999703.6</v>
      </c>
      <c r="G165" s="809"/>
      <c r="H165" s="809"/>
    </row>
    <row r="166" spans="1:8" s="15" customFormat="1" ht="10.5" x14ac:dyDescent="0.2">
      <c r="A166" s="907" t="s">
        <v>527</v>
      </c>
      <c r="B166" s="907"/>
      <c r="C166" s="915">
        <v>0</v>
      </c>
      <c r="D166" s="916"/>
      <c r="E166" s="917"/>
      <c r="F166" s="915">
        <v>0</v>
      </c>
      <c r="G166" s="916"/>
      <c r="H166" s="916"/>
    </row>
    <row r="167" spans="1:8" s="15" customFormat="1" ht="10.5" x14ac:dyDescent="0.2">
      <c r="A167" s="280"/>
      <c r="B167" s="446"/>
      <c r="C167" s="446"/>
      <c r="D167" s="447"/>
      <c r="E167" s="447"/>
      <c r="F167" s="447"/>
      <c r="G167" s="90"/>
      <c r="H167" s="90"/>
    </row>
    <row r="168" spans="1:8" s="222" customFormat="1" ht="10.5" x14ac:dyDescent="0.2">
      <c r="A168" s="883" t="s">
        <v>439</v>
      </c>
      <c r="B168" s="883"/>
      <c r="C168" s="883"/>
      <c r="D168" s="883"/>
      <c r="E168" s="883"/>
      <c r="F168" s="883"/>
      <c r="G168" s="831" t="s">
        <v>209</v>
      </c>
      <c r="H168" s="872"/>
    </row>
    <row r="169" spans="1:8" s="222" customFormat="1" ht="25.5" customHeight="1" x14ac:dyDescent="0.2">
      <c r="A169" s="884"/>
      <c r="B169" s="884"/>
      <c r="C169" s="884"/>
      <c r="D169" s="884"/>
      <c r="E169" s="884"/>
      <c r="F169" s="884"/>
      <c r="G169" s="833"/>
      <c r="H169" s="871"/>
    </row>
    <row r="170" spans="1:8" s="222" customFormat="1" ht="10.5" x14ac:dyDescent="0.2">
      <c r="A170" s="882" t="s">
        <v>807</v>
      </c>
      <c r="B170" s="882"/>
      <c r="C170" s="882"/>
      <c r="D170" s="882"/>
      <c r="E170" s="882"/>
      <c r="F170" s="882"/>
      <c r="G170" s="810">
        <v>26579660.64000003</v>
      </c>
      <c r="H170" s="812"/>
    </row>
    <row r="171" spans="1:8" s="222" customFormat="1" ht="10.5" x14ac:dyDescent="0.2">
      <c r="A171" s="267" t="s">
        <v>528</v>
      </c>
      <c r="B171" s="7"/>
      <c r="C171" s="7"/>
      <c r="D171" s="7"/>
      <c r="E171" s="88"/>
      <c r="F171" s="231"/>
      <c r="G171" s="677">
        <v>571559755.39999998</v>
      </c>
      <c r="H171" s="808">
        <v>100</v>
      </c>
    </row>
    <row r="172" spans="1:8" s="222" customFormat="1" ht="10.5" x14ac:dyDescent="0.2">
      <c r="A172" s="267" t="s">
        <v>529</v>
      </c>
      <c r="B172" s="7"/>
      <c r="C172" s="7"/>
      <c r="D172" s="7"/>
      <c r="E172" s="88"/>
      <c r="F172" s="231"/>
      <c r="G172" s="677">
        <v>571702767.42000008</v>
      </c>
      <c r="H172" s="808">
        <v>0</v>
      </c>
    </row>
    <row r="173" spans="1:8" s="15" customFormat="1" ht="10.5" x14ac:dyDescent="0.2">
      <c r="A173" s="10" t="s">
        <v>530</v>
      </c>
      <c r="B173" s="10"/>
      <c r="C173" s="10"/>
      <c r="D173" s="10"/>
      <c r="E173" s="85"/>
      <c r="F173" s="84"/>
      <c r="G173" s="673">
        <v>571643534.46000004</v>
      </c>
      <c r="H173" s="809"/>
    </row>
    <row r="174" spans="1:8" s="15" customFormat="1" ht="10.5" x14ac:dyDescent="0.2">
      <c r="A174" s="259" t="s">
        <v>531</v>
      </c>
      <c r="B174" s="10"/>
      <c r="C174" s="10"/>
      <c r="D174" s="10"/>
      <c r="E174" s="85"/>
      <c r="F174" s="84"/>
      <c r="G174" s="673">
        <v>59232.959999999999</v>
      </c>
      <c r="H174" s="809"/>
    </row>
    <row r="175" spans="1:8" s="222" customFormat="1" ht="17.25" customHeight="1" x14ac:dyDescent="0.2">
      <c r="A175" s="267" t="s">
        <v>532</v>
      </c>
      <c r="B175" s="7"/>
      <c r="C175" s="7"/>
      <c r="D175" s="7"/>
      <c r="E175" s="88"/>
      <c r="F175" s="231"/>
      <c r="G175" s="677">
        <v>2012571.55</v>
      </c>
      <c r="H175" s="808"/>
    </row>
    <row r="176" spans="1:8" s="222" customFormat="1" ht="10.5" x14ac:dyDescent="0.2">
      <c r="A176" s="261" t="s">
        <v>533</v>
      </c>
      <c r="B176" s="245"/>
      <c r="C176" s="245"/>
      <c r="D176" s="245"/>
      <c r="E176" s="244"/>
      <c r="F176" s="251"/>
      <c r="G176" s="896">
        <v>28449220.169999886</v>
      </c>
      <c r="H176" s="897"/>
    </row>
    <row r="177" spans="1:8" s="15" customFormat="1" ht="10.5" x14ac:dyDescent="0.2">
      <c r="A177" s="46" t="s">
        <v>862</v>
      </c>
      <c r="H177" s="302"/>
    </row>
    <row r="178" spans="1:8" s="15" customFormat="1" ht="15.75" customHeight="1" x14ac:dyDescent="0.2">
      <c r="A178" s="879" t="s">
        <v>633</v>
      </c>
      <c r="B178" s="880"/>
      <c r="C178" s="880"/>
      <c r="D178" s="880"/>
      <c r="E178" s="880"/>
      <c r="F178" s="880"/>
    </row>
    <row r="179" spans="1:8" s="15" customFormat="1" ht="26.25" customHeight="1" x14ac:dyDescent="0.2">
      <c r="A179" s="878" t="s">
        <v>634</v>
      </c>
      <c r="B179" s="881"/>
      <c r="C179" s="881"/>
      <c r="D179" s="881"/>
      <c r="E179" s="881"/>
      <c r="F179" s="881"/>
    </row>
    <row r="180" spans="1:8" s="15" customFormat="1" x14ac:dyDescent="0.2">
      <c r="A180" s="878" t="s">
        <v>635</v>
      </c>
      <c r="B180" s="878"/>
      <c r="C180" s="878"/>
      <c r="D180" s="878"/>
      <c r="E180" s="878"/>
      <c r="F180" s="878"/>
    </row>
    <row r="181" spans="1:8" ht="15" customHeight="1" x14ac:dyDescent="0.2">
      <c r="A181" s="878" t="s">
        <v>636</v>
      </c>
      <c r="B181" s="878"/>
      <c r="C181" s="878"/>
      <c r="D181" s="878"/>
      <c r="E181" s="878"/>
      <c r="F181" s="878"/>
    </row>
    <row r="182" spans="1:8" x14ac:dyDescent="0.2">
      <c r="A182" s="878" t="s">
        <v>637</v>
      </c>
      <c r="B182" s="878"/>
      <c r="C182" s="878"/>
      <c r="D182" s="878"/>
      <c r="E182" s="878"/>
      <c r="F182" s="878"/>
    </row>
    <row r="183" spans="1:8" ht="21" customHeight="1" x14ac:dyDescent="0.2">
      <c r="A183" s="870" t="s">
        <v>638</v>
      </c>
      <c r="B183" s="870"/>
      <c r="C183" s="870"/>
      <c r="D183" s="870"/>
      <c r="E183" s="870"/>
      <c r="F183" s="870"/>
      <c r="G183" s="870"/>
      <c r="H183" s="870"/>
    </row>
    <row r="184" spans="1:8" ht="14.45" customHeight="1" x14ac:dyDescent="0.2">
      <c r="A184" s="870" t="s">
        <v>632</v>
      </c>
      <c r="B184" s="870"/>
      <c r="C184" s="870"/>
    </row>
    <row r="185" spans="1:8" ht="11.25" customHeight="1" x14ac:dyDescent="0.2">
      <c r="F185" s="339"/>
    </row>
    <row r="191" spans="1:8" s="46" customFormat="1" ht="11.25" customHeight="1" x14ac:dyDescent="0.2"/>
    <row r="192" spans="1:8" s="46" customFormat="1" ht="11.25" customHeight="1" x14ac:dyDescent="0.2"/>
    <row r="193" spans="6:6" s="46" customFormat="1" ht="11.25" customHeight="1" x14ac:dyDescent="0.2"/>
    <row r="194" spans="6:6" s="46" customFormat="1" ht="11.25" customHeight="1" x14ac:dyDescent="0.2"/>
    <row r="195" spans="6:6" s="46" customFormat="1" ht="11.25" customHeight="1" x14ac:dyDescent="0.2"/>
    <row r="196" spans="6:6" s="46" customFormat="1" ht="11.25" customHeight="1" x14ac:dyDescent="0.2"/>
    <row r="197" spans="6:6" s="46" customFormat="1" ht="11.25" customHeight="1" x14ac:dyDescent="0.2"/>
    <row r="198" spans="6:6" ht="11.25" customHeight="1" x14ac:dyDescent="0.2">
      <c r="F198" s="339"/>
    </row>
  </sheetData>
  <customSheetViews>
    <customSheetView guid="{6DBFA32C-4AA4-4E1D-9A48-697377C64CC3}" showPageBreaks="1" showGridLines="0" fitToPage="1" printArea="1">
      <selection activeCell="A6" sqref="A6:L6"/>
      <pageMargins left="0.19685039370078741" right="0.19685039370078741" top="0.39370078740157483" bottom="0.59055118110236227" header="0" footer="0"/>
      <printOptions horizontalCentered="1"/>
      <pageSetup paperSize="9" scale="49" fitToHeight="2" orientation="portrait" r:id="rId1"/>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2"/>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3"/>
      <headerFooter alignWithMargins="0"/>
    </customSheetView>
    <customSheetView guid="{82EDB5A4-4824-4632-A540-7A52C92F04C7}" scale="90" showPageBreaks="1" showGridLines="0">
      <selection activeCell="B22" sqref="B22:C22"/>
      <pageMargins left="0.19685039370078741" right="0.19685039370078741" top="0.39370078740157483" bottom="0.59055118110236227" header="0" footer="0"/>
      <printOptions horizontalCentered="1"/>
      <pageSetup paperSize="9" scale="65" fitToHeight="2" orientation="landscape" r:id="rId4"/>
      <headerFooter alignWithMargins="0"/>
    </customSheetView>
    <customSheetView guid="{C779D862-DE28-46CD-A428-4AAA1056D1E1}" scale="91" showPageBreaks="1" showGridLines="0" fitToPage="1" printArea="1" topLeftCell="A156">
      <selection activeCell="C165" sqref="C165:E165"/>
      <pageMargins left="0.19685039370078741" right="0.19685039370078741" top="0.39370078740157483" bottom="0.59055118110236227" header="0" footer="0"/>
      <printOptions horizontalCentered="1"/>
      <pageSetup paperSize="9" scale="49" fitToHeight="2" orientation="portrait" r:id="rId5"/>
      <headerFooter alignWithMargins="0"/>
    </customSheetView>
    <customSheetView guid="{25EF1E0D-169B-4051-B414-7E1196FC05E4}" showPageBreaks="1" showGridLines="0" fitToPage="1" printArea="1">
      <selection activeCell="B21" sqref="B21:C21"/>
      <pageMargins left="0.19685039370078741" right="0.19685039370078741" top="0.39370078740157483" bottom="0.59055118110236227" header="0" footer="0"/>
      <printOptions horizontalCentered="1"/>
      <pageSetup paperSize="9" scale="49" fitToHeight="2" orientation="portrait" r:id="rId6"/>
      <headerFooter alignWithMargins="0"/>
    </customSheetView>
    <customSheetView guid="{3AAF6A5F-F9AA-430B-9AD9-1261ECDF41B5}" scale="90" showPageBreaks="1" showGridLines="0" topLeftCell="A157">
      <selection activeCell="G109" sqref="G109:H109"/>
      <pageMargins left="0.19685039370078741" right="0.19685039370078741" top="0.39370078740157483" bottom="0.59055118110236227" header="0" footer="0"/>
      <printOptions horizontalCentered="1"/>
      <pageSetup paperSize="9" scale="65" fitToHeight="2" orientation="landscape" r:id="rId7"/>
      <headerFooter alignWithMargins="0"/>
    </customSheetView>
  </customSheetViews>
  <mergeCells count="346">
    <mergeCell ref="A10:A11"/>
    <mergeCell ref="A72:A74"/>
    <mergeCell ref="A54:A56"/>
    <mergeCell ref="A46:A48"/>
    <mergeCell ref="A116:A118"/>
    <mergeCell ref="A120:A122"/>
    <mergeCell ref="A136:F138"/>
    <mergeCell ref="G136:H138"/>
    <mergeCell ref="A99:H99"/>
    <mergeCell ref="B59:C59"/>
    <mergeCell ref="B60:C60"/>
    <mergeCell ref="B61:C61"/>
    <mergeCell ref="B62:C62"/>
    <mergeCell ref="B63:C63"/>
    <mergeCell ref="B64:C64"/>
    <mergeCell ref="B65:C65"/>
    <mergeCell ref="B66:C66"/>
    <mergeCell ref="B67:C67"/>
    <mergeCell ref="B52:C52"/>
    <mergeCell ref="G140:H140"/>
    <mergeCell ref="G141:H141"/>
    <mergeCell ref="A140:D140"/>
    <mergeCell ref="A141:D141"/>
    <mergeCell ref="A144:D144"/>
    <mergeCell ref="A142:D142"/>
    <mergeCell ref="A161:B163"/>
    <mergeCell ref="D83:E83"/>
    <mergeCell ref="B82:C82"/>
    <mergeCell ref="B83:C83"/>
    <mergeCell ref="A139:D139"/>
    <mergeCell ref="G139:H139"/>
    <mergeCell ref="A112:F112"/>
    <mergeCell ref="D120:E120"/>
    <mergeCell ref="F120:G120"/>
    <mergeCell ref="D117:E117"/>
    <mergeCell ref="D118:E118"/>
    <mergeCell ref="F119:G119"/>
    <mergeCell ref="F117:G117"/>
    <mergeCell ref="A113:F113"/>
    <mergeCell ref="G100:H100"/>
    <mergeCell ref="G101:H101"/>
    <mergeCell ref="G102:H102"/>
    <mergeCell ref="G103:H103"/>
    <mergeCell ref="D72:E72"/>
    <mergeCell ref="F72:H72"/>
    <mergeCell ref="A71:H71"/>
    <mergeCell ref="B73:C73"/>
    <mergeCell ref="D73:E73"/>
    <mergeCell ref="F73:G73"/>
    <mergeCell ref="F80:G80"/>
    <mergeCell ref="F81:G81"/>
    <mergeCell ref="A115:H115"/>
    <mergeCell ref="G112:H112"/>
    <mergeCell ref="A106:F106"/>
    <mergeCell ref="A101:F101"/>
    <mergeCell ref="G109:H109"/>
    <mergeCell ref="G110:H110"/>
    <mergeCell ref="G111:H111"/>
    <mergeCell ref="G113:H113"/>
    <mergeCell ref="G114:H114"/>
    <mergeCell ref="A100:F100"/>
    <mergeCell ref="G106:H106"/>
    <mergeCell ref="G108:H108"/>
    <mergeCell ref="G107:H107"/>
    <mergeCell ref="A111:F111"/>
    <mergeCell ref="A110:F110"/>
    <mergeCell ref="B119:C119"/>
    <mergeCell ref="B80:C80"/>
    <mergeCell ref="B81:C81"/>
    <mergeCell ref="F77:G77"/>
    <mergeCell ref="B116:C116"/>
    <mergeCell ref="D116:E116"/>
    <mergeCell ref="B53:C53"/>
    <mergeCell ref="D49:E49"/>
    <mergeCell ref="D50:E50"/>
    <mergeCell ref="D51:E51"/>
    <mergeCell ref="D52:E52"/>
    <mergeCell ref="B54:C54"/>
    <mergeCell ref="D54:E54"/>
    <mergeCell ref="F54:H54"/>
    <mergeCell ref="D74:E74"/>
    <mergeCell ref="F74:G74"/>
    <mergeCell ref="F79:G79"/>
    <mergeCell ref="F55:G55"/>
    <mergeCell ref="F67:G67"/>
    <mergeCell ref="F68:G68"/>
    <mergeCell ref="F69:G69"/>
    <mergeCell ref="F75:G75"/>
    <mergeCell ref="F76:G76"/>
    <mergeCell ref="D60:E60"/>
    <mergeCell ref="G171:H171"/>
    <mergeCell ref="B84:C84"/>
    <mergeCell ref="B85:C85"/>
    <mergeCell ref="B86:C86"/>
    <mergeCell ref="B56:C56"/>
    <mergeCell ref="D56:E56"/>
    <mergeCell ref="F56:G56"/>
    <mergeCell ref="D84:E84"/>
    <mergeCell ref="D85:E85"/>
    <mergeCell ref="D86:E86"/>
    <mergeCell ref="F82:G82"/>
    <mergeCell ref="F83:G83"/>
    <mergeCell ref="F84:G84"/>
    <mergeCell ref="F85:G85"/>
    <mergeCell ref="F86:G86"/>
    <mergeCell ref="B58:C58"/>
    <mergeCell ref="D58:E58"/>
    <mergeCell ref="F58:G58"/>
    <mergeCell ref="B68:C68"/>
    <mergeCell ref="A102:F102"/>
    <mergeCell ref="A103:F103"/>
    <mergeCell ref="B72:C72"/>
    <mergeCell ref="B74:C74"/>
    <mergeCell ref="H89:H90"/>
    <mergeCell ref="G175:H175"/>
    <mergeCell ref="A166:B166"/>
    <mergeCell ref="G142:H142"/>
    <mergeCell ref="G145:H145"/>
    <mergeCell ref="G146:H146"/>
    <mergeCell ref="G147:H147"/>
    <mergeCell ref="G149:H149"/>
    <mergeCell ref="G143:H143"/>
    <mergeCell ref="G144:H144"/>
    <mergeCell ref="H153:H154"/>
    <mergeCell ref="A152:A154"/>
    <mergeCell ref="A146:D146"/>
    <mergeCell ref="A147:D147"/>
    <mergeCell ref="G170:H170"/>
    <mergeCell ref="C164:E164"/>
    <mergeCell ref="F164:H164"/>
    <mergeCell ref="F165:H165"/>
    <mergeCell ref="F166:H166"/>
    <mergeCell ref="C165:E165"/>
    <mergeCell ref="C166:E166"/>
    <mergeCell ref="A143:D143"/>
    <mergeCell ref="G172:H172"/>
    <mergeCell ref="G173:H173"/>
    <mergeCell ref="G174:H174"/>
    <mergeCell ref="F41:G41"/>
    <mergeCell ref="B42:C42"/>
    <mergeCell ref="D42:E42"/>
    <mergeCell ref="F42:G42"/>
    <mergeCell ref="A114:F114"/>
    <mergeCell ref="D53:E53"/>
    <mergeCell ref="B50:C50"/>
    <mergeCell ref="F50:G50"/>
    <mergeCell ref="F52:G52"/>
    <mergeCell ref="F51:G51"/>
    <mergeCell ref="F49:G49"/>
    <mergeCell ref="F53:G53"/>
    <mergeCell ref="B43:C43"/>
    <mergeCell ref="D43:E43"/>
    <mergeCell ref="F43:G43"/>
    <mergeCell ref="B44:C44"/>
    <mergeCell ref="D44:E44"/>
    <mergeCell ref="F44:G44"/>
    <mergeCell ref="F45:G45"/>
    <mergeCell ref="D45:E45"/>
    <mergeCell ref="B45:C45"/>
    <mergeCell ref="F47:G47"/>
    <mergeCell ref="D48:E48"/>
    <mergeCell ref="F48:G48"/>
    <mergeCell ref="F37:G37"/>
    <mergeCell ref="B38:C38"/>
    <mergeCell ref="D38:E38"/>
    <mergeCell ref="F38:G38"/>
    <mergeCell ref="B39:C39"/>
    <mergeCell ref="D39:E39"/>
    <mergeCell ref="F39:G39"/>
    <mergeCell ref="B40:C40"/>
    <mergeCell ref="D40:E40"/>
    <mergeCell ref="F40:G40"/>
    <mergeCell ref="F24:G24"/>
    <mergeCell ref="B25:C25"/>
    <mergeCell ref="D25:E25"/>
    <mergeCell ref="F25:G25"/>
    <mergeCell ref="B26:C26"/>
    <mergeCell ref="D26:E26"/>
    <mergeCell ref="F26:G26"/>
    <mergeCell ref="B27:C27"/>
    <mergeCell ref="F118:G118"/>
    <mergeCell ref="D31:E31"/>
    <mergeCell ref="F31:G31"/>
    <mergeCell ref="B32:C32"/>
    <mergeCell ref="D32:E32"/>
    <mergeCell ref="F32:G32"/>
    <mergeCell ref="B33:C33"/>
    <mergeCell ref="D33:E33"/>
    <mergeCell ref="F33:G33"/>
    <mergeCell ref="B34:C34"/>
    <mergeCell ref="D34:E34"/>
    <mergeCell ref="F34:G34"/>
    <mergeCell ref="B35:C35"/>
    <mergeCell ref="D35:E35"/>
    <mergeCell ref="F35:G35"/>
    <mergeCell ref="B36:C36"/>
    <mergeCell ref="A184:C184"/>
    <mergeCell ref="A183:H183"/>
    <mergeCell ref="A151:H151"/>
    <mergeCell ref="C161:E163"/>
    <mergeCell ref="A104:F104"/>
    <mergeCell ref="A145:F145"/>
    <mergeCell ref="A182:F182"/>
    <mergeCell ref="A178:F178"/>
    <mergeCell ref="A179:F179"/>
    <mergeCell ref="A170:F170"/>
    <mergeCell ref="A180:F180"/>
    <mergeCell ref="G168:H169"/>
    <mergeCell ref="A168:F169"/>
    <mergeCell ref="F152:G152"/>
    <mergeCell ref="A165:B165"/>
    <mergeCell ref="A164:B164"/>
    <mergeCell ref="D152:E152"/>
    <mergeCell ref="A109:F109"/>
    <mergeCell ref="A108:F108"/>
    <mergeCell ref="F161:H163"/>
    <mergeCell ref="A181:F181"/>
    <mergeCell ref="G176:H176"/>
    <mergeCell ref="A107:F107"/>
    <mergeCell ref="F116:H116"/>
    <mergeCell ref="D89:E89"/>
    <mergeCell ref="F89:G89"/>
    <mergeCell ref="A105:F105"/>
    <mergeCell ref="A89:A91"/>
    <mergeCell ref="D27:E27"/>
    <mergeCell ref="F27:G27"/>
    <mergeCell ref="B28:C28"/>
    <mergeCell ref="D28:E28"/>
    <mergeCell ref="F28:G28"/>
    <mergeCell ref="B29:C29"/>
    <mergeCell ref="D29:E29"/>
    <mergeCell ref="F29:G29"/>
    <mergeCell ref="B30:C30"/>
    <mergeCell ref="D30:E30"/>
    <mergeCell ref="F30:G30"/>
    <mergeCell ref="B31:C31"/>
    <mergeCell ref="B55:C55"/>
    <mergeCell ref="D55:E55"/>
    <mergeCell ref="D36:E36"/>
    <mergeCell ref="F36:G36"/>
    <mergeCell ref="B37:C37"/>
    <mergeCell ref="B13:C13"/>
    <mergeCell ref="D13:E13"/>
    <mergeCell ref="F13:G13"/>
    <mergeCell ref="B14:C14"/>
    <mergeCell ref="D14:E14"/>
    <mergeCell ref="F14:G14"/>
    <mergeCell ref="B15:C15"/>
    <mergeCell ref="D15:E15"/>
    <mergeCell ref="F15:G15"/>
    <mergeCell ref="F22:G22"/>
    <mergeCell ref="B23:C23"/>
    <mergeCell ref="D23:E23"/>
    <mergeCell ref="D79:E79"/>
    <mergeCell ref="D80:E80"/>
    <mergeCell ref="D81:E81"/>
    <mergeCell ref="D68:E68"/>
    <mergeCell ref="D69:E69"/>
    <mergeCell ref="F59:G59"/>
    <mergeCell ref="F60:G60"/>
    <mergeCell ref="F61:G61"/>
    <mergeCell ref="F62:G62"/>
    <mergeCell ref="D63:E63"/>
    <mergeCell ref="D64:E64"/>
    <mergeCell ref="D65:E65"/>
    <mergeCell ref="D66:E66"/>
    <mergeCell ref="F63:G63"/>
    <mergeCell ref="F64:G64"/>
    <mergeCell ref="F65:G65"/>
    <mergeCell ref="F66:G66"/>
    <mergeCell ref="B57:C57"/>
    <mergeCell ref="D57:E57"/>
    <mergeCell ref="F57:G57"/>
    <mergeCell ref="F78:G78"/>
    <mergeCell ref="F23:G23"/>
    <mergeCell ref="B24:C24"/>
    <mergeCell ref="B47:C47"/>
    <mergeCell ref="D47:E47"/>
    <mergeCell ref="D16:E16"/>
    <mergeCell ref="D17:E17"/>
    <mergeCell ref="D18:E18"/>
    <mergeCell ref="D19:E19"/>
    <mergeCell ref="D20:E20"/>
    <mergeCell ref="B46:C46"/>
    <mergeCell ref="D46:E46"/>
    <mergeCell ref="F46:H46"/>
    <mergeCell ref="B16:C16"/>
    <mergeCell ref="F16:G16"/>
    <mergeCell ref="B17:C17"/>
    <mergeCell ref="F17:G17"/>
    <mergeCell ref="B18:C18"/>
    <mergeCell ref="F18:G18"/>
    <mergeCell ref="B19:C19"/>
    <mergeCell ref="F19:G19"/>
    <mergeCell ref="B20:C20"/>
    <mergeCell ref="F20:G20"/>
    <mergeCell ref="B21:C21"/>
    <mergeCell ref="F21:G21"/>
    <mergeCell ref="D21:E21"/>
    <mergeCell ref="B48:C48"/>
    <mergeCell ref="B49:C49"/>
    <mergeCell ref="D24:E24"/>
    <mergeCell ref="D37:E37"/>
    <mergeCell ref="B41:C41"/>
    <mergeCell ref="D41:E41"/>
    <mergeCell ref="B117:C117"/>
    <mergeCell ref="B118:C118"/>
    <mergeCell ref="B51:C51"/>
    <mergeCell ref="D82:E82"/>
    <mergeCell ref="B22:C22"/>
    <mergeCell ref="D22:E22"/>
    <mergeCell ref="B75:C75"/>
    <mergeCell ref="B76:C76"/>
    <mergeCell ref="B77:C77"/>
    <mergeCell ref="B78:C78"/>
    <mergeCell ref="D75:E75"/>
    <mergeCell ref="D76:E76"/>
    <mergeCell ref="D77:E77"/>
    <mergeCell ref="D78:E78"/>
    <mergeCell ref="D67:E67"/>
    <mergeCell ref="B69:C69"/>
    <mergeCell ref="D59:E59"/>
    <mergeCell ref="D61:E61"/>
    <mergeCell ref="D62:E62"/>
    <mergeCell ref="B79:C79"/>
    <mergeCell ref="B70:C70"/>
    <mergeCell ref="D70:E70"/>
    <mergeCell ref="F70:G70"/>
    <mergeCell ref="D119:E119"/>
    <mergeCell ref="A3:H3"/>
    <mergeCell ref="A4:H4"/>
    <mergeCell ref="A5:H5"/>
    <mergeCell ref="A6:H6"/>
    <mergeCell ref="A7:H7"/>
    <mergeCell ref="A9:H9"/>
    <mergeCell ref="F12:G12"/>
    <mergeCell ref="B10:C10"/>
    <mergeCell ref="B11:C11"/>
    <mergeCell ref="B12:C12"/>
    <mergeCell ref="F10:H10"/>
    <mergeCell ref="D10:E10"/>
    <mergeCell ref="D11:E11"/>
    <mergeCell ref="D12:E12"/>
    <mergeCell ref="F11:G11"/>
    <mergeCell ref="G104:H104"/>
    <mergeCell ref="G105:H105"/>
  </mergeCells>
  <printOptions horizontalCentered="1"/>
  <pageMargins left="0.19685039370078741" right="0.19685039370078741" top="0.39370078740157483" bottom="0.59055118110236227" header="0" footer="0"/>
  <pageSetup paperSize="9" scale="49" fitToHeight="2" orientation="portrait" r:id="rId8"/>
  <headerFooter alignWithMargins="0"/>
  <drawing r:id="rId9"/>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H138"/>
  <sheetViews>
    <sheetView showGridLines="0" zoomScaleNormal="100" workbookViewId="0"/>
  </sheetViews>
  <sheetFormatPr defaultRowHeight="10.5" x14ac:dyDescent="0.2"/>
  <cols>
    <col min="1" max="1" width="63.140625" style="78" customWidth="1"/>
    <col min="2" max="2" width="19" style="78" bestFit="1" customWidth="1"/>
    <col min="3" max="3" width="19.5703125" style="78" customWidth="1"/>
    <col min="4" max="4" width="19" style="78" customWidth="1"/>
    <col min="5" max="5" width="17.28515625" style="78" customWidth="1"/>
    <col min="6" max="6" width="19" style="78" bestFit="1" customWidth="1"/>
    <col min="7" max="7" width="17.85546875" style="78" customWidth="1"/>
    <col min="8" max="8" width="15.7109375" style="78" customWidth="1"/>
    <col min="9" max="16384" width="9.140625" style="78"/>
  </cols>
  <sheetData>
    <row r="1" spans="1:8" s="134" customFormat="1" x14ac:dyDescent="0.2">
      <c r="A1" s="132"/>
      <c r="B1" s="132"/>
      <c r="C1" s="132"/>
      <c r="D1" s="132"/>
      <c r="E1" s="132"/>
      <c r="F1" s="132"/>
      <c r="G1" s="132"/>
    </row>
    <row r="2" spans="1:8" s="134" customFormat="1" x14ac:dyDescent="0.2">
      <c r="A2" s="135"/>
      <c r="B2" s="135"/>
      <c r="C2" s="135"/>
      <c r="D2" s="135"/>
      <c r="E2" s="135"/>
    </row>
    <row r="3" spans="1:8" s="138" customFormat="1" x14ac:dyDescent="0.2">
      <c r="A3" s="971" t="s">
        <v>641</v>
      </c>
      <c r="B3" s="971"/>
      <c r="C3" s="971"/>
      <c r="D3" s="971"/>
      <c r="E3" s="971"/>
      <c r="F3" s="971"/>
      <c r="G3" s="971"/>
      <c r="H3" s="971"/>
    </row>
    <row r="4" spans="1:8" s="138" customFormat="1" x14ac:dyDescent="0.2">
      <c r="A4" s="971" t="s">
        <v>105</v>
      </c>
      <c r="B4" s="971"/>
      <c r="C4" s="971"/>
      <c r="D4" s="971"/>
      <c r="E4" s="971"/>
      <c r="F4" s="971"/>
      <c r="G4" s="971"/>
      <c r="H4" s="971"/>
    </row>
    <row r="5" spans="1:8" s="138" customFormat="1" x14ac:dyDescent="0.2">
      <c r="A5" s="839" t="s">
        <v>393</v>
      </c>
      <c r="B5" s="839"/>
      <c r="C5" s="839"/>
      <c r="D5" s="839"/>
      <c r="E5" s="839"/>
      <c r="F5" s="839"/>
      <c r="G5" s="839"/>
      <c r="H5" s="839"/>
    </row>
    <row r="6" spans="1:8" s="138" customFormat="1" x14ac:dyDescent="0.2">
      <c r="A6" s="971" t="s">
        <v>107</v>
      </c>
      <c r="B6" s="971"/>
      <c r="C6" s="971"/>
      <c r="D6" s="971"/>
      <c r="E6" s="971"/>
      <c r="F6" s="971"/>
      <c r="G6" s="971"/>
      <c r="H6" s="971"/>
    </row>
    <row r="7" spans="1:8" s="138" customFormat="1" x14ac:dyDescent="0.2">
      <c r="A7" s="971" t="s">
        <v>879</v>
      </c>
      <c r="B7" s="971"/>
      <c r="C7" s="971"/>
      <c r="D7" s="971"/>
      <c r="E7" s="971"/>
      <c r="F7" s="971"/>
      <c r="G7" s="971"/>
      <c r="H7" s="971"/>
    </row>
    <row r="8" spans="1:8" s="134" customFormat="1" x14ac:dyDescent="0.2">
      <c r="A8" s="135"/>
      <c r="B8" s="135"/>
      <c r="C8" s="135"/>
      <c r="D8" s="135"/>
      <c r="E8" s="135"/>
    </row>
    <row r="9" spans="1:8" s="134" customFormat="1" x14ac:dyDescent="0.2">
      <c r="A9" s="136" t="s">
        <v>417</v>
      </c>
      <c r="B9" s="133"/>
      <c r="C9" s="133"/>
      <c r="D9" s="133"/>
      <c r="H9" s="225">
        <v>1</v>
      </c>
    </row>
    <row r="10" spans="1:8" ht="15" customHeight="1" x14ac:dyDescent="0.2">
      <c r="A10" s="867" t="s">
        <v>394</v>
      </c>
      <c r="B10" s="943" t="s">
        <v>429</v>
      </c>
      <c r="C10" s="831" t="s">
        <v>235</v>
      </c>
      <c r="D10" s="848"/>
      <c r="E10" s="847" t="s">
        <v>109</v>
      </c>
      <c r="F10" s="840"/>
      <c r="G10" s="840"/>
      <c r="H10" s="840"/>
    </row>
    <row r="11" spans="1:8" ht="15" customHeight="1" x14ac:dyDescent="0.2">
      <c r="A11" s="868"/>
      <c r="B11" s="946"/>
      <c r="C11" s="832"/>
      <c r="D11" s="845"/>
      <c r="E11" s="831" t="s">
        <v>115</v>
      </c>
      <c r="F11" s="848"/>
      <c r="G11" s="831" t="s">
        <v>114</v>
      </c>
      <c r="H11" s="872"/>
    </row>
    <row r="12" spans="1:8" ht="15" customHeight="1" x14ac:dyDescent="0.2">
      <c r="A12" s="869"/>
      <c r="B12" s="944"/>
      <c r="C12" s="841" t="s">
        <v>116</v>
      </c>
      <c r="D12" s="842"/>
      <c r="E12" s="841" t="s">
        <v>117</v>
      </c>
      <c r="F12" s="842"/>
      <c r="G12" s="841" t="s">
        <v>224</v>
      </c>
      <c r="H12" s="945"/>
    </row>
    <row r="13" spans="1:8" s="288" customFormat="1" ht="15" customHeight="1" x14ac:dyDescent="0.2">
      <c r="A13" s="98" t="s">
        <v>405</v>
      </c>
      <c r="B13" s="599">
        <v>7821678000</v>
      </c>
      <c r="C13" s="863">
        <v>7821678000</v>
      </c>
      <c r="D13" s="864"/>
      <c r="E13" s="863">
        <v>5392218012.0099993</v>
      </c>
      <c r="F13" s="864">
        <v>398965527.46000004</v>
      </c>
      <c r="G13" s="863">
        <v>68.939401647702695</v>
      </c>
      <c r="H13" s="937"/>
    </row>
    <row r="14" spans="1:8" x14ac:dyDescent="0.2">
      <c r="A14" s="83" t="s">
        <v>406</v>
      </c>
      <c r="B14" s="600">
        <v>105800000</v>
      </c>
      <c r="C14" s="849">
        <v>105800000</v>
      </c>
      <c r="D14" s="853">
        <v>105800000</v>
      </c>
      <c r="E14" s="849">
        <v>61125179.32</v>
      </c>
      <c r="F14" s="853">
        <v>61125179.32</v>
      </c>
      <c r="G14" s="849">
        <v>57.774271568998117</v>
      </c>
      <c r="H14" s="850">
        <v>57.774271568998117</v>
      </c>
    </row>
    <row r="15" spans="1:8" ht="21" x14ac:dyDescent="0.2">
      <c r="A15" s="83" t="s">
        <v>441</v>
      </c>
      <c r="B15" s="600">
        <v>6815191000</v>
      </c>
      <c r="C15" s="849">
        <v>6815191000</v>
      </c>
      <c r="D15" s="853"/>
      <c r="E15" s="849">
        <v>4658998268.3099995</v>
      </c>
      <c r="F15" s="853"/>
      <c r="G15" s="849">
        <v>68.361961804298659</v>
      </c>
      <c r="H15" s="850"/>
    </row>
    <row r="16" spans="1:8" x14ac:dyDescent="0.2">
      <c r="A16" s="83" t="s">
        <v>407</v>
      </c>
      <c r="B16" s="600">
        <v>329900000</v>
      </c>
      <c r="C16" s="849">
        <v>329900000</v>
      </c>
      <c r="D16" s="853"/>
      <c r="E16" s="849">
        <v>301448191.35000002</v>
      </c>
      <c r="F16" s="853"/>
      <c r="G16" s="849">
        <v>91.375626356471656</v>
      </c>
      <c r="H16" s="850"/>
    </row>
    <row r="17" spans="1:8" ht="12.75" customHeight="1" x14ac:dyDescent="0.2">
      <c r="A17" s="83" t="s">
        <v>395</v>
      </c>
      <c r="B17" s="600">
        <v>510400000</v>
      </c>
      <c r="C17" s="849">
        <v>510400000</v>
      </c>
      <c r="D17" s="853"/>
      <c r="E17" s="849">
        <v>334254216.24000001</v>
      </c>
      <c r="F17" s="853"/>
      <c r="G17" s="849">
        <v>65.488678730407528</v>
      </c>
      <c r="H17" s="850"/>
    </row>
    <row r="18" spans="1:8" ht="10.5" customHeight="1" x14ac:dyDescent="0.2">
      <c r="A18" s="83" t="s">
        <v>408</v>
      </c>
      <c r="B18" s="326">
        <v>52910000</v>
      </c>
      <c r="C18" s="972">
        <v>52910000</v>
      </c>
      <c r="D18" s="973"/>
      <c r="E18" s="849">
        <v>29098638.030000001</v>
      </c>
      <c r="F18" s="853">
        <v>29098638.030000001</v>
      </c>
      <c r="G18" s="849">
        <v>54.996480873180872</v>
      </c>
      <c r="H18" s="850"/>
    </row>
    <row r="19" spans="1:8" ht="12.75" customHeight="1" x14ac:dyDescent="0.2">
      <c r="A19" s="83" t="s">
        <v>409</v>
      </c>
      <c r="B19" s="600">
        <v>7477000</v>
      </c>
      <c r="C19" s="972">
        <v>7477000</v>
      </c>
      <c r="D19" s="973"/>
      <c r="E19" s="849">
        <v>7293518.7599999998</v>
      </c>
      <c r="F19" s="853">
        <v>7293518.7599999998</v>
      </c>
      <c r="G19" s="849">
        <v>97.546058044670318</v>
      </c>
      <c r="H19" s="850"/>
    </row>
    <row r="20" spans="1:8" ht="12.75" customHeight="1" x14ac:dyDescent="0.2">
      <c r="A20" s="83" t="s">
        <v>410</v>
      </c>
      <c r="B20" s="600">
        <v>0</v>
      </c>
      <c r="C20" s="849">
        <v>0</v>
      </c>
      <c r="D20" s="853"/>
      <c r="E20" s="849">
        <v>0</v>
      </c>
      <c r="F20" s="853">
        <v>301448191.35000002</v>
      </c>
      <c r="G20" s="849">
        <v>0</v>
      </c>
      <c r="H20" s="850"/>
    </row>
    <row r="21" spans="1:8" s="288" customFormat="1" ht="15" customHeight="1" x14ac:dyDescent="0.2">
      <c r="A21" s="289" t="s">
        <v>442</v>
      </c>
      <c r="B21" s="601">
        <v>1158800000</v>
      </c>
      <c r="C21" s="856">
        <v>1158800000</v>
      </c>
      <c r="D21" s="857">
        <v>1158800000</v>
      </c>
      <c r="E21" s="856">
        <v>775634470.50999999</v>
      </c>
      <c r="F21" s="857"/>
      <c r="G21" s="856">
        <v>66.934282922851224</v>
      </c>
      <c r="H21" s="947"/>
    </row>
    <row r="22" spans="1:8" x14ac:dyDescent="0.2">
      <c r="A22" s="83" t="s">
        <v>411</v>
      </c>
      <c r="B22" s="602">
        <v>1070500000</v>
      </c>
      <c r="C22" s="849">
        <v>1070500000</v>
      </c>
      <c r="D22" s="853">
        <v>1070500000</v>
      </c>
      <c r="E22" s="849">
        <v>702944807.65999997</v>
      </c>
      <c r="F22" s="853">
        <v>702944807.65999997</v>
      </c>
      <c r="G22" s="849">
        <v>65.665091794488546</v>
      </c>
      <c r="H22" s="850">
        <v>65.665091794488546</v>
      </c>
    </row>
    <row r="23" spans="1:8" x14ac:dyDescent="0.2">
      <c r="A23" s="83" t="s">
        <v>412</v>
      </c>
      <c r="B23" s="602">
        <v>70200000</v>
      </c>
      <c r="C23" s="849">
        <v>70200000</v>
      </c>
      <c r="D23" s="853">
        <v>18100000</v>
      </c>
      <c r="E23" s="849">
        <v>60651825.340000004</v>
      </c>
      <c r="F23" s="853">
        <v>12037837.51</v>
      </c>
      <c r="G23" s="849">
        <v>0</v>
      </c>
      <c r="H23" s="850">
        <v>66.507389558011042</v>
      </c>
    </row>
    <row r="24" spans="1:8" ht="21" x14ac:dyDescent="0.2">
      <c r="A24" s="83" t="s">
        <v>413</v>
      </c>
      <c r="B24" s="602">
        <v>18100000</v>
      </c>
      <c r="C24" s="849">
        <v>18100000</v>
      </c>
      <c r="D24" s="853">
        <v>70200000</v>
      </c>
      <c r="E24" s="849">
        <v>12037837.51</v>
      </c>
      <c r="F24" s="853">
        <v>60651825.340000004</v>
      </c>
      <c r="G24" s="849">
        <v>66.507389558011042</v>
      </c>
      <c r="H24" s="850">
        <v>86.398611595441594</v>
      </c>
    </row>
    <row r="25" spans="1:8" x14ac:dyDescent="0.2">
      <c r="A25" s="83" t="s">
        <v>414</v>
      </c>
      <c r="B25" s="602">
        <v>18100000</v>
      </c>
      <c r="C25" s="849">
        <v>18100000</v>
      </c>
      <c r="D25" s="853">
        <v>0</v>
      </c>
      <c r="E25" s="849">
        <v>12037837.51</v>
      </c>
      <c r="F25" s="853">
        <v>0</v>
      </c>
      <c r="G25" s="849">
        <v>0</v>
      </c>
      <c r="H25" s="850">
        <v>0</v>
      </c>
    </row>
    <row r="26" spans="1:8" x14ac:dyDescent="0.2">
      <c r="A26" s="83" t="s">
        <v>415</v>
      </c>
      <c r="B26" s="602">
        <v>0</v>
      </c>
      <c r="C26" s="849">
        <v>0</v>
      </c>
      <c r="D26" s="853"/>
      <c r="E26" s="849">
        <v>0</v>
      </c>
      <c r="F26" s="853"/>
      <c r="G26" s="849">
        <v>0</v>
      </c>
      <c r="H26" s="850">
        <v>68.680670255191316</v>
      </c>
    </row>
    <row r="27" spans="1:8" s="288" customFormat="1" ht="25.5" customHeight="1" x14ac:dyDescent="0.2">
      <c r="A27" s="289" t="s">
        <v>443</v>
      </c>
      <c r="B27" s="599">
        <v>1886172750</v>
      </c>
      <c r="C27" s="856">
        <v>1886172750</v>
      </c>
      <c r="D27" s="857">
        <v>1886172750</v>
      </c>
      <c r="E27" s="856">
        <v>1331222322.0025001</v>
      </c>
      <c r="F27" s="857">
        <v>1331222322.0025001</v>
      </c>
      <c r="G27" s="856">
        <v>70.577963869030555</v>
      </c>
      <c r="H27" s="947">
        <v>244.93149370904908</v>
      </c>
    </row>
    <row r="28" spans="1:8" x14ac:dyDescent="0.2">
      <c r="A28" s="83" t="s">
        <v>444</v>
      </c>
      <c r="B28" s="602">
        <v>1696655250</v>
      </c>
      <c r="C28" s="849">
        <v>1696655250</v>
      </c>
      <c r="D28" s="853">
        <v>1696655250</v>
      </c>
      <c r="E28" s="849">
        <v>1161121899.7275</v>
      </c>
      <c r="F28" s="853">
        <v>1161121899.7275</v>
      </c>
      <c r="G28" s="849">
        <v>68.435935923193597</v>
      </c>
      <c r="H28" s="850">
        <v>68.435935923193597</v>
      </c>
    </row>
    <row r="29" spans="1:8" x14ac:dyDescent="0.2">
      <c r="A29" s="83" t="s">
        <v>445</v>
      </c>
      <c r="B29" s="602">
        <v>171967500</v>
      </c>
      <c r="C29" s="849">
        <v>171967500</v>
      </c>
      <c r="D29" s="853">
        <v>171967500</v>
      </c>
      <c r="E29" s="849">
        <v>154937465.94</v>
      </c>
      <c r="F29" s="853">
        <v>154937465.94</v>
      </c>
      <c r="G29" s="849">
        <v>90.096946190413888</v>
      </c>
      <c r="H29" s="850">
        <v>90.096946190413888</v>
      </c>
    </row>
    <row r="30" spans="1:8" ht="21" x14ac:dyDescent="0.2">
      <c r="A30" s="83" t="s">
        <v>446</v>
      </c>
      <c r="B30" s="602">
        <v>17550000</v>
      </c>
      <c r="C30" s="849">
        <v>17550000</v>
      </c>
      <c r="D30" s="853">
        <v>17550000</v>
      </c>
      <c r="E30" s="849">
        <v>15162956.335000001</v>
      </c>
      <c r="F30" s="853">
        <v>15162956.335000001</v>
      </c>
      <c r="G30" s="849">
        <v>86.398611595441594</v>
      </c>
      <c r="H30" s="850">
        <v>86.398611595441594</v>
      </c>
    </row>
    <row r="31" spans="1:8" ht="24.95" customHeight="1" x14ac:dyDescent="0.2">
      <c r="A31" s="285" t="s">
        <v>447</v>
      </c>
      <c r="B31" s="603">
        <v>7094305250</v>
      </c>
      <c r="C31" s="902">
        <v>7094305250</v>
      </c>
      <c r="D31" s="903">
        <v>7094305250</v>
      </c>
      <c r="E31" s="902">
        <v>4836630160.5174999</v>
      </c>
      <c r="F31" s="903">
        <v>-932256794.54250002</v>
      </c>
      <c r="G31" s="902">
        <v>68.17623417765256</v>
      </c>
      <c r="H31" s="949">
        <v>-244.93149370904908</v>
      </c>
    </row>
    <row r="32" spans="1:8" x14ac:dyDescent="0.2">
      <c r="A32" s="85"/>
      <c r="B32" s="88"/>
      <c r="C32" s="85"/>
      <c r="D32" s="327"/>
      <c r="E32" s="85"/>
      <c r="F32" s="339"/>
      <c r="G32" s="85"/>
      <c r="H32" s="85"/>
    </row>
    <row r="33" spans="1:8" ht="15" customHeight="1" x14ac:dyDescent="0.2">
      <c r="A33" s="872" t="s">
        <v>396</v>
      </c>
      <c r="B33" s="943" t="s">
        <v>429</v>
      </c>
      <c r="C33" s="831" t="s">
        <v>235</v>
      </c>
      <c r="D33" s="848"/>
      <c r="E33" s="847" t="s">
        <v>109</v>
      </c>
      <c r="F33" s="840"/>
      <c r="G33" s="840"/>
      <c r="H33" s="840"/>
    </row>
    <row r="34" spans="1:8" ht="15" customHeight="1" x14ac:dyDescent="0.2">
      <c r="A34" s="873"/>
      <c r="B34" s="946"/>
      <c r="C34" s="832"/>
      <c r="D34" s="845"/>
      <c r="E34" s="831" t="s">
        <v>115</v>
      </c>
      <c r="F34" s="848"/>
      <c r="G34" s="831" t="s">
        <v>114</v>
      </c>
      <c r="H34" s="872"/>
    </row>
    <row r="35" spans="1:8" ht="15" customHeight="1" x14ac:dyDescent="0.2">
      <c r="A35" s="871"/>
      <c r="B35" s="944"/>
      <c r="C35" s="833" t="s">
        <v>152</v>
      </c>
      <c r="D35" s="846"/>
      <c r="E35" s="833" t="s">
        <v>162</v>
      </c>
      <c r="F35" s="846"/>
      <c r="G35" s="833" t="s">
        <v>225</v>
      </c>
      <c r="H35" s="871"/>
    </row>
    <row r="36" spans="1:8" s="288" customFormat="1" ht="15.75" customHeight="1" x14ac:dyDescent="0.2">
      <c r="A36" s="287" t="s">
        <v>356</v>
      </c>
      <c r="B36" s="511">
        <v>213056800</v>
      </c>
      <c r="C36" s="863">
        <v>213056800</v>
      </c>
      <c r="D36" s="864">
        <v>0</v>
      </c>
      <c r="E36" s="863">
        <v>124967693.87</v>
      </c>
      <c r="F36" s="864">
        <v>0</v>
      </c>
      <c r="G36" s="863">
        <v>58.654637575519772</v>
      </c>
      <c r="H36" s="937">
        <v>0</v>
      </c>
    </row>
    <row r="37" spans="1:8" x14ac:dyDescent="0.2">
      <c r="A37" s="89" t="s">
        <v>397</v>
      </c>
      <c r="B37" s="509">
        <v>167526000</v>
      </c>
      <c r="C37" s="849">
        <v>167526000</v>
      </c>
      <c r="D37" s="853"/>
      <c r="E37" s="849">
        <v>82184315.609999999</v>
      </c>
      <c r="F37" s="853"/>
      <c r="G37" s="849">
        <v>49.05764813223022</v>
      </c>
      <c r="H37" s="850"/>
    </row>
    <row r="38" spans="1:8" x14ac:dyDescent="0.2">
      <c r="A38" s="89" t="s">
        <v>416</v>
      </c>
      <c r="B38" s="509">
        <v>0</v>
      </c>
      <c r="C38" s="849">
        <v>0</v>
      </c>
      <c r="D38" s="853"/>
      <c r="E38" s="849">
        <v>0</v>
      </c>
      <c r="F38" s="853"/>
      <c r="G38" s="849">
        <v>0</v>
      </c>
      <c r="H38" s="850"/>
    </row>
    <row r="39" spans="1:8" x14ac:dyDescent="0.2">
      <c r="A39" s="89" t="s">
        <v>398</v>
      </c>
      <c r="B39" s="509">
        <v>0</v>
      </c>
      <c r="C39" s="849">
        <v>0</v>
      </c>
      <c r="D39" s="853"/>
      <c r="E39" s="849">
        <v>0</v>
      </c>
      <c r="F39" s="853"/>
      <c r="G39" s="849">
        <v>0</v>
      </c>
      <c r="H39" s="850"/>
    </row>
    <row r="40" spans="1:8" x14ac:dyDescent="0.2">
      <c r="A40" s="89" t="s">
        <v>448</v>
      </c>
      <c r="B40" s="509">
        <v>45530800</v>
      </c>
      <c r="C40" s="849">
        <v>45530800</v>
      </c>
      <c r="D40" s="853"/>
      <c r="E40" s="849">
        <v>42783378.260000005</v>
      </c>
      <c r="F40" s="853"/>
      <c r="G40" s="849">
        <v>93.965795154049587</v>
      </c>
      <c r="H40" s="850"/>
    </row>
    <row r="41" spans="1:8" s="288" customFormat="1" ht="15" customHeight="1" x14ac:dyDescent="0.2">
      <c r="A41" s="287" t="s">
        <v>399</v>
      </c>
      <c r="B41" s="510">
        <v>0</v>
      </c>
      <c r="C41" s="856">
        <v>0</v>
      </c>
      <c r="D41" s="857"/>
      <c r="E41" s="856">
        <v>0</v>
      </c>
      <c r="F41" s="857"/>
      <c r="G41" s="856">
        <v>0</v>
      </c>
      <c r="H41" s="947"/>
    </row>
    <row r="42" spans="1:8" s="288" customFormat="1" ht="15" customHeight="1" x14ac:dyDescent="0.2">
      <c r="A42" s="230" t="s">
        <v>352</v>
      </c>
      <c r="B42" s="510">
        <v>0</v>
      </c>
      <c r="C42" s="849">
        <v>0</v>
      </c>
      <c r="D42" s="853"/>
      <c r="E42" s="856">
        <v>0</v>
      </c>
      <c r="F42" s="857"/>
      <c r="G42" s="856">
        <v>0</v>
      </c>
      <c r="H42" s="947"/>
    </row>
    <row r="43" spans="1:8" s="288" customFormat="1" ht="15" customHeight="1" x14ac:dyDescent="0.2">
      <c r="A43" s="274" t="s">
        <v>449</v>
      </c>
      <c r="B43" s="604">
        <v>0</v>
      </c>
      <c r="C43" s="849">
        <v>0</v>
      </c>
      <c r="D43" s="853"/>
      <c r="E43" s="856">
        <v>0</v>
      </c>
      <c r="F43" s="857"/>
      <c r="G43" s="904">
        <v>0</v>
      </c>
      <c r="H43" s="948"/>
    </row>
    <row r="44" spans="1:8" ht="15" customHeight="1" x14ac:dyDescent="0.2">
      <c r="A44" s="233" t="s">
        <v>400</v>
      </c>
      <c r="B44" s="603">
        <v>213056800</v>
      </c>
      <c r="C44" s="902">
        <v>213056800</v>
      </c>
      <c r="D44" s="903">
        <v>0</v>
      </c>
      <c r="E44" s="902">
        <v>124967693.87</v>
      </c>
      <c r="F44" s="903">
        <v>0</v>
      </c>
      <c r="G44" s="902">
        <v>58.654637575519772</v>
      </c>
      <c r="H44" s="949"/>
    </row>
    <row r="45" spans="1:8" x14ac:dyDescent="0.2">
      <c r="A45" s="88"/>
      <c r="B45" s="91"/>
      <c r="C45" s="91"/>
      <c r="D45" s="91"/>
      <c r="E45" s="91"/>
    </row>
    <row r="46" spans="1:8" ht="15" customHeight="1" x14ac:dyDescent="0.2">
      <c r="A46" s="848" t="s">
        <v>237</v>
      </c>
      <c r="B46" s="943" t="s">
        <v>792</v>
      </c>
      <c r="C46" s="80" t="s">
        <v>157</v>
      </c>
      <c r="D46" s="847" t="s">
        <v>158</v>
      </c>
      <c r="E46" s="940"/>
      <c r="F46" s="847" t="s">
        <v>159</v>
      </c>
      <c r="G46" s="840"/>
      <c r="H46" s="890" t="s">
        <v>622</v>
      </c>
    </row>
    <row r="47" spans="1:8" ht="21.75" customHeight="1" x14ac:dyDescent="0.2">
      <c r="A47" s="845"/>
      <c r="B47" s="946"/>
      <c r="C47" s="81" t="s">
        <v>112</v>
      </c>
      <c r="D47" s="271" t="s">
        <v>115</v>
      </c>
      <c r="E47" s="258" t="s">
        <v>114</v>
      </c>
      <c r="F47" s="271" t="s">
        <v>115</v>
      </c>
      <c r="G47" s="258" t="s">
        <v>114</v>
      </c>
      <c r="H47" s="892"/>
    </row>
    <row r="48" spans="1:8" ht="15" customHeight="1" x14ac:dyDescent="0.2">
      <c r="A48" s="43" t="s">
        <v>238</v>
      </c>
      <c r="B48" s="944"/>
      <c r="C48" s="256" t="s">
        <v>163</v>
      </c>
      <c r="D48" s="272" t="s">
        <v>233</v>
      </c>
      <c r="E48" s="257" t="s">
        <v>401</v>
      </c>
      <c r="F48" s="272" t="s">
        <v>164</v>
      </c>
      <c r="G48" s="257" t="s">
        <v>402</v>
      </c>
      <c r="H48" s="894"/>
    </row>
    <row r="49" spans="1:8" s="288" customFormat="1" x14ac:dyDescent="0.2">
      <c r="A49" s="236" t="s">
        <v>166</v>
      </c>
      <c r="B49" s="605">
        <v>960840700</v>
      </c>
      <c r="C49" s="555">
        <v>1258264310.5799999</v>
      </c>
      <c r="D49" s="555">
        <v>1021171013.8800001</v>
      </c>
      <c r="E49" s="555">
        <v>81.157115026912663</v>
      </c>
      <c r="F49" s="606">
        <v>733295705.58000004</v>
      </c>
      <c r="G49" s="607">
        <v>58.27835212476031</v>
      </c>
      <c r="H49" s="608">
        <v>0</v>
      </c>
    </row>
    <row r="50" spans="1:8" x14ac:dyDescent="0.2">
      <c r="A50" s="85" t="s">
        <v>206</v>
      </c>
      <c r="B50" s="602">
        <v>330386300</v>
      </c>
      <c r="C50" s="552">
        <v>402411421.94</v>
      </c>
      <c r="D50" s="609">
        <v>335407864.42000002</v>
      </c>
      <c r="E50" s="553">
        <v>83.349489138012018</v>
      </c>
      <c r="F50" s="609">
        <v>235018107.86000001</v>
      </c>
      <c r="G50" s="553">
        <v>58.402444624208869</v>
      </c>
      <c r="H50" s="610"/>
    </row>
    <row r="51" spans="1:8" x14ac:dyDescent="0.2">
      <c r="A51" s="85" t="s">
        <v>239</v>
      </c>
      <c r="B51" s="602">
        <v>648000</v>
      </c>
      <c r="C51" s="552">
        <v>771500</v>
      </c>
      <c r="D51" s="609">
        <v>758203</v>
      </c>
      <c r="E51" s="553">
        <v>98.276474400518467</v>
      </c>
      <c r="F51" s="609">
        <v>551394.15</v>
      </c>
      <c r="G51" s="553">
        <v>71.470401814646806</v>
      </c>
      <c r="H51" s="610">
        <v>0</v>
      </c>
    </row>
    <row r="52" spans="1:8" x14ac:dyDescent="0.2">
      <c r="A52" s="85" t="s">
        <v>207</v>
      </c>
      <c r="B52" s="602">
        <v>629806400</v>
      </c>
      <c r="C52" s="602">
        <v>855081388.63999999</v>
      </c>
      <c r="D52" s="609">
        <v>685004946.46000004</v>
      </c>
      <c r="E52" s="553">
        <v>80.109911823656319</v>
      </c>
      <c r="F52" s="609">
        <v>497726203.56999999</v>
      </c>
      <c r="G52" s="553">
        <v>58.208050155509696</v>
      </c>
      <c r="H52" s="610"/>
    </row>
    <row r="53" spans="1:8" s="288" customFormat="1" x14ac:dyDescent="0.2">
      <c r="A53" s="88" t="s">
        <v>167</v>
      </c>
      <c r="B53" s="599">
        <v>206993000</v>
      </c>
      <c r="C53" s="599">
        <v>120753597.61</v>
      </c>
      <c r="D53" s="599">
        <v>27135256.400000002</v>
      </c>
      <c r="E53" s="607">
        <v>22.471592513242722</v>
      </c>
      <c r="F53" s="606">
        <v>11492872.1</v>
      </c>
      <c r="G53" s="607">
        <v>9.5176229341992187</v>
      </c>
      <c r="H53" s="611">
        <v>0</v>
      </c>
    </row>
    <row r="54" spans="1:8" x14ac:dyDescent="0.2">
      <c r="A54" s="15" t="s">
        <v>240</v>
      </c>
      <c r="B54" s="602">
        <v>206571700</v>
      </c>
      <c r="C54" s="552">
        <v>120135797.61</v>
      </c>
      <c r="D54" s="609">
        <v>26518892.960000001</v>
      </c>
      <c r="E54" s="553">
        <v>22.074097386100501</v>
      </c>
      <c r="F54" s="609">
        <v>11105118.58</v>
      </c>
      <c r="G54" s="553">
        <v>9.2438047617171026</v>
      </c>
      <c r="H54" s="610"/>
    </row>
    <row r="55" spans="1:8" x14ac:dyDescent="0.2">
      <c r="A55" s="15" t="s">
        <v>241</v>
      </c>
      <c r="B55" s="602">
        <v>1300</v>
      </c>
      <c r="C55" s="552">
        <v>1300</v>
      </c>
      <c r="D55" s="609">
        <v>0</v>
      </c>
      <c r="E55" s="553">
        <v>0</v>
      </c>
      <c r="F55" s="609">
        <v>0</v>
      </c>
      <c r="G55" s="553">
        <v>0</v>
      </c>
      <c r="H55" s="610"/>
    </row>
    <row r="56" spans="1:8" x14ac:dyDescent="0.2">
      <c r="A56" s="15" t="s">
        <v>242</v>
      </c>
      <c r="B56" s="602">
        <v>420000</v>
      </c>
      <c r="C56" s="552">
        <v>616500</v>
      </c>
      <c r="D56" s="609">
        <v>616363.43999999994</v>
      </c>
      <c r="E56" s="553">
        <v>99.977849148418485</v>
      </c>
      <c r="F56" s="609">
        <v>387753.52</v>
      </c>
      <c r="G56" s="553">
        <v>62.895948094079479</v>
      </c>
      <c r="H56" s="612"/>
    </row>
    <row r="57" spans="1:8" ht="15" customHeight="1" x14ac:dyDescent="0.2">
      <c r="A57" s="233" t="s">
        <v>534</v>
      </c>
      <c r="B57" s="603">
        <v>1167833700</v>
      </c>
      <c r="C57" s="558">
        <v>1379017908.1899998</v>
      </c>
      <c r="D57" s="613">
        <v>1048306270.2800001</v>
      </c>
      <c r="E57" s="614">
        <v>76.018321738543037</v>
      </c>
      <c r="F57" s="613">
        <v>744788577.68000007</v>
      </c>
      <c r="G57" s="614">
        <v>54.008622604296427</v>
      </c>
      <c r="H57" s="615">
        <v>0</v>
      </c>
    </row>
    <row r="58" spans="1:8" x14ac:dyDescent="0.2">
      <c r="A58" s="950"/>
      <c r="B58" s="950"/>
      <c r="C58" s="339"/>
      <c r="D58" s="339"/>
      <c r="E58" s="85"/>
      <c r="F58" s="486"/>
    </row>
    <row r="59" spans="1:8" ht="15" customHeight="1" x14ac:dyDescent="0.2">
      <c r="A59" s="867" t="s">
        <v>374</v>
      </c>
      <c r="B59" s="943" t="s">
        <v>792</v>
      </c>
      <c r="C59" s="80" t="s">
        <v>157</v>
      </c>
      <c r="D59" s="847" t="s">
        <v>158</v>
      </c>
      <c r="E59" s="940"/>
      <c r="F59" s="847" t="s">
        <v>159</v>
      </c>
      <c r="G59" s="840"/>
      <c r="H59" s="890" t="s">
        <v>622</v>
      </c>
    </row>
    <row r="60" spans="1:8" ht="24" customHeight="1" x14ac:dyDescent="0.2">
      <c r="A60" s="868"/>
      <c r="B60" s="946"/>
      <c r="C60" s="81" t="s">
        <v>112</v>
      </c>
      <c r="D60" s="271" t="s">
        <v>115</v>
      </c>
      <c r="E60" s="258" t="s">
        <v>114</v>
      </c>
      <c r="F60" s="271" t="s">
        <v>115</v>
      </c>
      <c r="G60" s="258" t="s">
        <v>114</v>
      </c>
      <c r="H60" s="892"/>
    </row>
    <row r="61" spans="1:8" ht="15" customHeight="1" x14ac:dyDescent="0.2">
      <c r="A61" s="869"/>
      <c r="B61" s="944"/>
      <c r="C61" s="94"/>
      <c r="D61" s="272" t="s">
        <v>165</v>
      </c>
      <c r="E61" s="257" t="s">
        <v>623</v>
      </c>
      <c r="F61" s="272" t="s">
        <v>353</v>
      </c>
      <c r="G61" s="257" t="s">
        <v>624</v>
      </c>
      <c r="H61" s="894"/>
    </row>
    <row r="62" spans="1:8" ht="15" customHeight="1" x14ac:dyDescent="0.2">
      <c r="A62" s="290" t="s">
        <v>375</v>
      </c>
      <c r="B62" s="616">
        <v>0</v>
      </c>
      <c r="C62" s="617">
        <v>0</v>
      </c>
      <c r="D62" s="609">
        <v>0</v>
      </c>
      <c r="E62" s="607">
        <v>0</v>
      </c>
      <c r="F62" s="609">
        <v>0</v>
      </c>
      <c r="G62" s="607">
        <v>0</v>
      </c>
      <c r="H62" s="618">
        <v>0</v>
      </c>
    </row>
    <row r="63" spans="1:8" ht="24.95" customHeight="1" x14ac:dyDescent="0.2">
      <c r="A63" s="5" t="s">
        <v>376</v>
      </c>
      <c r="B63" s="619">
        <v>0</v>
      </c>
      <c r="C63" s="620">
        <v>0</v>
      </c>
      <c r="D63" s="609">
        <v>0</v>
      </c>
      <c r="E63" s="556">
        <v>0</v>
      </c>
      <c r="F63" s="553">
        <v>0</v>
      </c>
      <c r="G63" s="555">
        <v>0</v>
      </c>
      <c r="H63" s="610">
        <v>0</v>
      </c>
    </row>
    <row r="64" spans="1:8" x14ac:dyDescent="0.2">
      <c r="A64" s="291" t="s">
        <v>403</v>
      </c>
      <c r="B64" s="621">
        <v>103234000</v>
      </c>
      <c r="C64" s="622">
        <v>106654000</v>
      </c>
      <c r="D64" s="606">
        <v>72179644.939999998</v>
      </c>
      <c r="E64" s="556">
        <v>6.8853585050789574</v>
      </c>
      <c r="F64" s="607">
        <v>48096588.099999994</v>
      </c>
      <c r="G64" s="555">
        <v>6.4577505001244511</v>
      </c>
      <c r="H64" s="611">
        <v>0</v>
      </c>
    </row>
    <row r="65" spans="1:8" x14ac:dyDescent="0.2">
      <c r="A65" s="79" t="s">
        <v>404</v>
      </c>
      <c r="B65" s="509">
        <v>15598000</v>
      </c>
      <c r="C65" s="509">
        <v>19018000</v>
      </c>
      <c r="D65" s="609">
        <v>14537722.93</v>
      </c>
      <c r="E65" s="554">
        <v>1.386782025649528</v>
      </c>
      <c r="F65" s="553">
        <v>5343441.9400000004</v>
      </c>
      <c r="G65" s="552">
        <v>0.71744413114453276</v>
      </c>
      <c r="H65" s="610">
        <v>0</v>
      </c>
    </row>
    <row r="66" spans="1:8" x14ac:dyDescent="0.2">
      <c r="A66" s="79" t="s">
        <v>377</v>
      </c>
      <c r="B66" s="509">
        <v>15000000</v>
      </c>
      <c r="C66" s="509">
        <v>15000000</v>
      </c>
      <c r="D66" s="609">
        <v>0</v>
      </c>
      <c r="E66" s="554">
        <v>0</v>
      </c>
      <c r="F66" s="553">
        <v>0</v>
      </c>
      <c r="G66" s="552">
        <v>0</v>
      </c>
      <c r="H66" s="610">
        <v>0</v>
      </c>
    </row>
    <row r="67" spans="1:8" x14ac:dyDescent="0.2">
      <c r="A67" s="95" t="s">
        <v>378</v>
      </c>
      <c r="B67" s="509">
        <v>72636000</v>
      </c>
      <c r="C67" s="509">
        <v>72636000</v>
      </c>
      <c r="D67" s="509">
        <v>57641922.009999998</v>
      </c>
      <c r="E67" s="602">
        <v>5.4985764794294303</v>
      </c>
      <c r="F67" s="623">
        <v>42753146.159999996</v>
      </c>
      <c r="G67" s="552">
        <v>5.740306368979919</v>
      </c>
      <c r="H67" s="610">
        <v>0</v>
      </c>
    </row>
    <row r="68" spans="1:8" x14ac:dyDescent="0.2">
      <c r="A68" s="292" t="s">
        <v>379</v>
      </c>
      <c r="B68" s="510">
        <v>151939000</v>
      </c>
      <c r="C68" s="510">
        <v>162512000</v>
      </c>
      <c r="D68" s="510">
        <v>103900037.08</v>
      </c>
      <c r="E68" s="599">
        <v>9.9112291918513993</v>
      </c>
      <c r="F68" s="624">
        <v>59880422.170000002</v>
      </c>
      <c r="G68" s="555">
        <v>8.0399221959775744</v>
      </c>
      <c r="H68" s="611">
        <v>0</v>
      </c>
    </row>
    <row r="69" spans="1:8" ht="32.25" x14ac:dyDescent="0.2">
      <c r="A69" s="5" t="s">
        <v>793</v>
      </c>
      <c r="B69" s="555">
        <v>0</v>
      </c>
      <c r="C69" s="555">
        <v>0</v>
      </c>
      <c r="D69" s="510">
        <v>0</v>
      </c>
      <c r="E69" s="599">
        <v>0</v>
      </c>
      <c r="F69" s="555">
        <v>0</v>
      </c>
      <c r="G69" s="555">
        <v>0</v>
      </c>
      <c r="H69" s="611">
        <v>0</v>
      </c>
    </row>
    <row r="70" spans="1:8" ht="21.75" x14ac:dyDescent="0.2">
      <c r="A70" s="292" t="s">
        <v>794</v>
      </c>
      <c r="B70" s="510">
        <v>0</v>
      </c>
      <c r="C70" s="510">
        <v>0</v>
      </c>
      <c r="D70" s="510">
        <v>0</v>
      </c>
      <c r="E70" s="599">
        <v>0</v>
      </c>
      <c r="F70" s="624">
        <v>0</v>
      </c>
      <c r="G70" s="555">
        <v>0</v>
      </c>
      <c r="H70" s="611">
        <v>0</v>
      </c>
    </row>
    <row r="71" spans="1:8" ht="42.75" x14ac:dyDescent="0.2">
      <c r="A71" s="9" t="s">
        <v>795</v>
      </c>
      <c r="B71" s="510">
        <v>0</v>
      </c>
      <c r="C71" s="510">
        <v>0</v>
      </c>
      <c r="D71" s="510">
        <v>0</v>
      </c>
      <c r="E71" s="599">
        <v>0</v>
      </c>
      <c r="F71" s="624">
        <v>0</v>
      </c>
      <c r="G71" s="555">
        <v>0</v>
      </c>
      <c r="H71" s="625">
        <v>0</v>
      </c>
    </row>
    <row r="72" spans="1:8" s="222" customFormat="1" ht="16.5" customHeight="1" x14ac:dyDescent="0.2">
      <c r="A72" s="285" t="s">
        <v>450</v>
      </c>
      <c r="B72" s="615">
        <v>255173000</v>
      </c>
      <c r="C72" s="558">
        <v>269166000</v>
      </c>
      <c r="D72" s="615">
        <v>176079682.01999998</v>
      </c>
      <c r="E72" s="603">
        <v>16.796587696930356</v>
      </c>
      <c r="F72" s="615">
        <v>107977010.27</v>
      </c>
      <c r="G72" s="615">
        <v>14.497672696102025</v>
      </c>
      <c r="H72" s="615">
        <v>0</v>
      </c>
    </row>
    <row r="73" spans="1:8" s="15" customFormat="1" x14ac:dyDescent="0.2">
      <c r="A73" s="96"/>
      <c r="B73" s="626"/>
      <c r="C73" s="626"/>
      <c r="D73" s="626"/>
      <c r="E73" s="626"/>
      <c r="F73" s="627"/>
      <c r="G73" s="628"/>
      <c r="H73" s="627"/>
    </row>
    <row r="74" spans="1:8" s="222" customFormat="1" ht="22.5" customHeight="1" x14ac:dyDescent="0.2">
      <c r="A74" s="293" t="s">
        <v>451</v>
      </c>
      <c r="B74" s="629">
        <v>912660700</v>
      </c>
      <c r="C74" s="629">
        <v>1109851908.1899998</v>
      </c>
      <c r="D74" s="629">
        <v>872226588.26000011</v>
      </c>
      <c r="E74" s="630">
        <v>83.203412303069641</v>
      </c>
      <c r="F74" s="615">
        <v>636811567.41000009</v>
      </c>
      <c r="G74" s="613">
        <v>85.502327303897971</v>
      </c>
      <c r="H74" s="631">
        <v>0</v>
      </c>
    </row>
    <row r="75" spans="1:8" x14ac:dyDescent="0.2">
      <c r="A75" s="98"/>
      <c r="B75" s="82"/>
      <c r="C75" s="264"/>
      <c r="D75" s="85"/>
      <c r="E75" s="85"/>
      <c r="G75" s="92"/>
      <c r="H75" s="275"/>
    </row>
    <row r="76" spans="1:8" ht="24.75" customHeight="1" x14ac:dyDescent="0.2">
      <c r="A76" s="817" t="s">
        <v>625</v>
      </c>
      <c r="B76" s="817"/>
      <c r="C76" s="817"/>
      <c r="D76" s="818"/>
      <c r="E76" s="805">
        <v>13.166430888357686</v>
      </c>
      <c r="F76" s="806">
        <v>1.1728197388048624E-6</v>
      </c>
      <c r="G76" s="806">
        <v>8.9763767552855178</v>
      </c>
      <c r="H76" s="806">
        <v>1.7678078427801384E-6</v>
      </c>
    </row>
    <row r="77" spans="1:8" ht="12.75" customHeight="1" x14ac:dyDescent="0.2">
      <c r="A77" s="6"/>
      <c r="B77" s="6"/>
      <c r="C77" s="6"/>
      <c r="D77" s="6"/>
      <c r="E77" s="99"/>
      <c r="F77" s="100"/>
      <c r="G77" s="100"/>
      <c r="H77" s="275"/>
    </row>
    <row r="78" spans="1:8" ht="25.5" customHeight="1" x14ac:dyDescent="0.2">
      <c r="A78" s="817" t="s">
        <v>626</v>
      </c>
      <c r="B78" s="817"/>
      <c r="C78" s="817"/>
      <c r="D78" s="818"/>
      <c r="E78" s="951">
        <v>56415948.147900105</v>
      </c>
      <c r="F78" s="952"/>
      <c r="G78" s="952"/>
      <c r="H78" s="952"/>
    </row>
    <row r="79" spans="1:8" x14ac:dyDescent="0.2">
      <c r="A79" s="7"/>
      <c r="B79" s="7"/>
      <c r="C79" s="7"/>
      <c r="D79" s="7"/>
      <c r="E79" s="89"/>
      <c r="F79" s="97"/>
      <c r="G79" s="97"/>
    </row>
    <row r="80" spans="1:8" ht="13.5" customHeight="1" x14ac:dyDescent="0.2">
      <c r="A80" s="891" t="s">
        <v>452</v>
      </c>
      <c r="B80" s="867"/>
      <c r="C80" s="943" t="s">
        <v>535</v>
      </c>
      <c r="D80" s="943" t="s">
        <v>797</v>
      </c>
      <c r="E80" s="943" t="s">
        <v>380</v>
      </c>
      <c r="F80" s="943" t="s">
        <v>381</v>
      </c>
      <c r="G80" s="890" t="s">
        <v>536</v>
      </c>
      <c r="H80" s="891"/>
    </row>
    <row r="81" spans="1:8" ht="21" customHeight="1" x14ac:dyDescent="0.2">
      <c r="A81" s="895"/>
      <c r="B81" s="869"/>
      <c r="C81" s="944"/>
      <c r="D81" s="944"/>
      <c r="E81" s="944"/>
      <c r="F81" s="944"/>
      <c r="G81" s="894"/>
      <c r="H81" s="895"/>
    </row>
    <row r="82" spans="1:8" ht="15" customHeight="1" x14ac:dyDescent="0.2">
      <c r="A82" s="466" t="s">
        <v>796</v>
      </c>
      <c r="B82" s="632"/>
      <c r="C82" s="633">
        <v>10778747.83</v>
      </c>
      <c r="D82" s="634">
        <v>1998657.9499999997</v>
      </c>
      <c r="E82" s="635">
        <v>2765660.4099999997</v>
      </c>
      <c r="F82" s="634">
        <v>6014429.4700000007</v>
      </c>
      <c r="G82" s="963">
        <v>3008766.73</v>
      </c>
      <c r="H82" s="964"/>
    </row>
    <row r="83" spans="1:8" ht="12.75" customHeight="1" x14ac:dyDescent="0.2">
      <c r="A83" s="8" t="s">
        <v>798</v>
      </c>
      <c r="B83" s="636"/>
      <c r="C83" s="637">
        <v>826671.31</v>
      </c>
      <c r="D83" s="636">
        <v>0</v>
      </c>
      <c r="E83" s="638">
        <v>0</v>
      </c>
      <c r="F83" s="639">
        <v>826671.31</v>
      </c>
      <c r="G83" s="963">
        <v>0</v>
      </c>
      <c r="H83" s="964"/>
    </row>
    <row r="84" spans="1:8" ht="15" customHeight="1" x14ac:dyDescent="0.2">
      <c r="A84" s="285" t="s">
        <v>382</v>
      </c>
      <c r="B84" s="640"/>
      <c r="C84" s="641">
        <v>11605419.140000001</v>
      </c>
      <c r="D84" s="641">
        <v>1998657.9499999997</v>
      </c>
      <c r="E84" s="603">
        <v>2765660.4099999997</v>
      </c>
      <c r="F84" s="603">
        <v>6841100.7800000012</v>
      </c>
      <c r="G84" s="558"/>
      <c r="H84" s="614">
        <v>3008766.73</v>
      </c>
    </row>
    <row r="85" spans="1:8" ht="12.75" customHeight="1" x14ac:dyDescent="0.2">
      <c r="A85" s="86"/>
      <c r="B85" s="275"/>
      <c r="C85" s="93"/>
      <c r="D85" s="275"/>
      <c r="E85" s="275"/>
      <c r="F85" s="92"/>
      <c r="G85" s="92"/>
      <c r="H85" s="92"/>
    </row>
    <row r="86" spans="1:8" ht="12.75" customHeight="1" x14ac:dyDescent="0.2">
      <c r="A86" s="893" t="s">
        <v>383</v>
      </c>
      <c r="B86" s="868"/>
      <c r="C86" s="892" t="s">
        <v>440</v>
      </c>
      <c r="D86" s="893"/>
      <c r="E86" s="893"/>
      <c r="F86" s="893"/>
      <c r="G86" s="893"/>
      <c r="H86" s="893"/>
    </row>
    <row r="87" spans="1:8" ht="15.75" customHeight="1" x14ac:dyDescent="0.2">
      <c r="A87" s="893"/>
      <c r="B87" s="868"/>
      <c r="C87" s="894"/>
      <c r="D87" s="895"/>
      <c r="E87" s="895"/>
      <c r="F87" s="895"/>
      <c r="G87" s="895"/>
      <c r="H87" s="895"/>
    </row>
    <row r="88" spans="1:8" ht="14.25" customHeight="1" x14ac:dyDescent="0.2">
      <c r="A88" s="893"/>
      <c r="B88" s="868"/>
      <c r="C88" s="943" t="s">
        <v>384</v>
      </c>
      <c r="D88" s="892" t="s">
        <v>385</v>
      </c>
      <c r="E88" s="893"/>
      <c r="F88" s="890" t="s">
        <v>386</v>
      </c>
      <c r="G88" s="891"/>
      <c r="H88" s="891"/>
    </row>
    <row r="89" spans="1:8" ht="11.25" customHeight="1" x14ac:dyDescent="0.2">
      <c r="A89" s="893"/>
      <c r="B89" s="868"/>
      <c r="C89" s="946"/>
      <c r="D89" s="892"/>
      <c r="E89" s="893"/>
      <c r="F89" s="892"/>
      <c r="G89" s="893"/>
      <c r="H89" s="893"/>
    </row>
    <row r="90" spans="1:8" ht="12.75" customHeight="1" x14ac:dyDescent="0.2">
      <c r="A90" s="895"/>
      <c r="B90" s="869"/>
      <c r="C90" s="944"/>
      <c r="D90" s="894" t="s">
        <v>350</v>
      </c>
      <c r="E90" s="895"/>
      <c r="F90" s="894"/>
      <c r="G90" s="895"/>
      <c r="H90" s="895"/>
    </row>
    <row r="91" spans="1:8" ht="13.5" customHeight="1" x14ac:dyDescent="0.2">
      <c r="A91" s="252" t="s">
        <v>800</v>
      </c>
      <c r="B91" s="642"/>
      <c r="C91" s="643"/>
      <c r="D91" s="967"/>
      <c r="E91" s="968"/>
      <c r="F91" s="969"/>
      <c r="G91" s="970"/>
      <c r="H91" s="970"/>
    </row>
    <row r="92" spans="1:8" ht="13.5" customHeight="1" x14ac:dyDescent="0.2">
      <c r="A92" s="253" t="s">
        <v>799</v>
      </c>
      <c r="B92" s="644"/>
      <c r="C92" s="645"/>
      <c r="D92" s="961"/>
      <c r="E92" s="962"/>
      <c r="F92" s="963"/>
      <c r="G92" s="964"/>
      <c r="H92" s="964"/>
    </row>
    <row r="93" spans="1:8" ht="13.5" customHeight="1" x14ac:dyDescent="0.2">
      <c r="A93" s="8"/>
      <c r="B93" s="644"/>
      <c r="C93" s="645"/>
      <c r="D93" s="956"/>
      <c r="E93" s="957"/>
      <c r="F93" s="954"/>
      <c r="G93" s="955"/>
      <c r="H93" s="955"/>
    </row>
    <row r="94" spans="1:8" ht="15" customHeight="1" x14ac:dyDescent="0.2">
      <c r="A94" s="914" t="s">
        <v>388</v>
      </c>
      <c r="B94" s="960"/>
      <c r="C94" s="294"/>
      <c r="D94" s="965"/>
      <c r="E94" s="966"/>
      <c r="F94" s="847"/>
      <c r="G94" s="840"/>
      <c r="H94" s="840"/>
    </row>
    <row r="95" spans="1:8" ht="12.75" customHeight="1" x14ac:dyDescent="0.2">
      <c r="A95" s="85"/>
      <c r="B95" s="85"/>
      <c r="C95" s="85"/>
      <c r="D95" s="85"/>
      <c r="E95" s="85"/>
      <c r="F95" s="97"/>
    </row>
    <row r="96" spans="1:8" ht="12.75" customHeight="1" x14ac:dyDescent="0.2">
      <c r="A96" s="891" t="s">
        <v>453</v>
      </c>
      <c r="B96" s="867"/>
      <c r="C96" s="890" t="s">
        <v>387</v>
      </c>
      <c r="D96" s="891"/>
      <c r="E96" s="891"/>
      <c r="F96" s="891"/>
      <c r="G96" s="891"/>
      <c r="H96" s="891"/>
    </row>
    <row r="97" spans="1:8" ht="15.75" customHeight="1" x14ac:dyDescent="0.2">
      <c r="A97" s="893"/>
      <c r="B97" s="868"/>
      <c r="C97" s="894"/>
      <c r="D97" s="895"/>
      <c r="E97" s="895"/>
      <c r="F97" s="895"/>
      <c r="G97" s="895"/>
      <c r="H97" s="895"/>
    </row>
    <row r="98" spans="1:8" ht="15" customHeight="1" x14ac:dyDescent="0.2">
      <c r="A98" s="893"/>
      <c r="B98" s="868"/>
      <c r="C98" s="943" t="s">
        <v>384</v>
      </c>
      <c r="D98" s="892" t="s">
        <v>385</v>
      </c>
      <c r="E98" s="893"/>
      <c r="F98" s="892" t="s">
        <v>386</v>
      </c>
      <c r="G98" s="893"/>
      <c r="H98" s="893"/>
    </row>
    <row r="99" spans="1:8" x14ac:dyDescent="0.2">
      <c r="A99" s="893"/>
      <c r="B99" s="868"/>
      <c r="C99" s="946"/>
      <c r="D99" s="892"/>
      <c r="E99" s="893"/>
      <c r="F99" s="892"/>
      <c r="G99" s="893"/>
      <c r="H99" s="893"/>
    </row>
    <row r="100" spans="1:8" ht="15" customHeight="1" x14ac:dyDescent="0.2">
      <c r="A100" s="895"/>
      <c r="B100" s="869"/>
      <c r="C100" s="944"/>
      <c r="D100" s="894" t="s">
        <v>351</v>
      </c>
      <c r="E100" s="895"/>
      <c r="F100" s="894"/>
      <c r="G100" s="895"/>
      <c r="H100" s="895"/>
    </row>
    <row r="101" spans="1:8" x14ac:dyDescent="0.2">
      <c r="A101" s="646" t="s">
        <v>802</v>
      </c>
      <c r="B101" s="642"/>
      <c r="C101" s="643"/>
      <c r="D101" s="967"/>
      <c r="E101" s="968"/>
      <c r="F101" s="969"/>
      <c r="G101" s="970"/>
      <c r="H101" s="970"/>
    </row>
    <row r="102" spans="1:8" x14ac:dyDescent="0.2">
      <c r="A102" s="647" t="s">
        <v>801</v>
      </c>
      <c r="B102" s="644"/>
      <c r="C102" s="645"/>
      <c r="D102" s="961"/>
      <c r="E102" s="962"/>
      <c r="F102" s="963"/>
      <c r="G102" s="964"/>
      <c r="H102" s="964"/>
    </row>
    <row r="103" spans="1:8" x14ac:dyDescent="0.2">
      <c r="A103" s="648"/>
      <c r="B103" s="644"/>
      <c r="C103" s="645"/>
      <c r="D103" s="956"/>
      <c r="E103" s="957"/>
      <c r="F103" s="954"/>
      <c r="G103" s="955"/>
      <c r="H103" s="955"/>
    </row>
    <row r="104" spans="1:8" ht="15" customHeight="1" x14ac:dyDescent="0.2">
      <c r="A104" s="953" t="s">
        <v>454</v>
      </c>
      <c r="B104" s="953"/>
      <c r="C104" s="649"/>
      <c r="D104" s="958"/>
      <c r="E104" s="959"/>
      <c r="F104" s="902"/>
      <c r="G104" s="949"/>
      <c r="H104" s="949"/>
    </row>
    <row r="105" spans="1:8" x14ac:dyDescent="0.2">
      <c r="A105" s="85"/>
      <c r="B105" s="275"/>
      <c r="C105" s="90"/>
      <c r="D105" s="85"/>
      <c r="E105" s="85"/>
    </row>
    <row r="106" spans="1:8" ht="15" customHeight="1" x14ac:dyDescent="0.2">
      <c r="A106" s="848" t="s">
        <v>237</v>
      </c>
      <c r="B106" s="943" t="s">
        <v>792</v>
      </c>
      <c r="C106" s="943" t="s">
        <v>236</v>
      </c>
      <c r="D106" s="847" t="s">
        <v>158</v>
      </c>
      <c r="E106" s="840"/>
      <c r="F106" s="847" t="s">
        <v>159</v>
      </c>
      <c r="G106" s="840"/>
      <c r="H106" s="890" t="s">
        <v>622</v>
      </c>
    </row>
    <row r="107" spans="1:8" ht="21.75" customHeight="1" x14ac:dyDescent="0.2">
      <c r="A107" s="845"/>
      <c r="B107" s="946"/>
      <c r="C107" s="946"/>
      <c r="D107" s="80" t="s">
        <v>115</v>
      </c>
      <c r="E107" s="258" t="s">
        <v>114</v>
      </c>
      <c r="F107" s="80" t="s">
        <v>115</v>
      </c>
      <c r="G107" s="258" t="s">
        <v>114</v>
      </c>
      <c r="H107" s="892"/>
    </row>
    <row r="108" spans="1:8" ht="21.75" customHeight="1" x14ac:dyDescent="0.2">
      <c r="A108" s="44" t="s">
        <v>244</v>
      </c>
      <c r="B108" s="944"/>
      <c r="C108" s="944"/>
      <c r="D108" s="272" t="s">
        <v>389</v>
      </c>
      <c r="E108" s="265" t="s">
        <v>390</v>
      </c>
      <c r="F108" s="272" t="s">
        <v>391</v>
      </c>
      <c r="G108" s="265" t="s">
        <v>392</v>
      </c>
      <c r="H108" s="894"/>
    </row>
    <row r="109" spans="1:8" x14ac:dyDescent="0.2">
      <c r="A109" s="85" t="s">
        <v>245</v>
      </c>
      <c r="B109" s="602">
        <v>64744900</v>
      </c>
      <c r="C109" s="602">
        <v>65322500</v>
      </c>
      <c r="D109" s="609">
        <v>49980724.060000002</v>
      </c>
      <c r="E109" s="553">
        <v>4.7677597165044405</v>
      </c>
      <c r="F109" s="609">
        <v>21514622.379999999</v>
      </c>
      <c r="G109" s="553">
        <v>2.8886885519938521</v>
      </c>
      <c r="H109" s="618"/>
    </row>
    <row r="110" spans="1:8" x14ac:dyDescent="0.2">
      <c r="A110" s="85" t="s">
        <v>246</v>
      </c>
      <c r="B110" s="602">
        <v>547235100</v>
      </c>
      <c r="C110" s="602">
        <v>550783090.07000005</v>
      </c>
      <c r="D110" s="609">
        <v>416955729.41000003</v>
      </c>
      <c r="E110" s="554">
        <v>39.774228317706445</v>
      </c>
      <c r="F110" s="553">
        <v>270954917.44999999</v>
      </c>
      <c r="G110" s="552">
        <v>36.380111829053362</v>
      </c>
      <c r="H110" s="610"/>
    </row>
    <row r="111" spans="1:8" x14ac:dyDescent="0.2">
      <c r="A111" s="85" t="s">
        <v>247</v>
      </c>
      <c r="B111" s="602">
        <v>76302000</v>
      </c>
      <c r="C111" s="602">
        <v>73823151</v>
      </c>
      <c r="D111" s="609">
        <v>43482392.619999997</v>
      </c>
      <c r="E111" s="554">
        <v>4.1478710804988284</v>
      </c>
      <c r="F111" s="553">
        <v>36892213.039999999</v>
      </c>
      <c r="G111" s="552">
        <v>4.9533806164050507</v>
      </c>
      <c r="H111" s="610"/>
    </row>
    <row r="112" spans="1:8" x14ac:dyDescent="0.2">
      <c r="A112" s="85" t="s">
        <v>248</v>
      </c>
      <c r="B112" s="602">
        <v>17209600</v>
      </c>
      <c r="C112" s="602">
        <v>20751900</v>
      </c>
      <c r="D112" s="609">
        <v>15216405.5</v>
      </c>
      <c r="E112" s="554">
        <v>1.4515228928217454</v>
      </c>
      <c r="F112" s="553">
        <v>5562295.5599999996</v>
      </c>
      <c r="G112" s="552">
        <v>0.74682879500198929</v>
      </c>
      <c r="H112" s="610"/>
    </row>
    <row r="113" spans="1:8" x14ac:dyDescent="0.2">
      <c r="A113" s="85" t="s">
        <v>249</v>
      </c>
      <c r="B113" s="602">
        <v>21294500</v>
      </c>
      <c r="C113" s="602">
        <v>16594500</v>
      </c>
      <c r="D113" s="609">
        <v>6091911.46</v>
      </c>
      <c r="E113" s="554">
        <v>0.58111943357668416</v>
      </c>
      <c r="F113" s="553">
        <v>2973530.91</v>
      </c>
      <c r="G113" s="552">
        <v>0.399244966841796</v>
      </c>
      <c r="H113" s="610"/>
    </row>
    <row r="114" spans="1:8" x14ac:dyDescent="0.2">
      <c r="A114" s="85" t="s">
        <v>250</v>
      </c>
      <c r="B114" s="602">
        <v>108000</v>
      </c>
      <c r="C114" s="602">
        <v>108000</v>
      </c>
      <c r="D114" s="609">
        <v>44650</v>
      </c>
      <c r="E114" s="554">
        <v>4.2592514483457298E-3</v>
      </c>
      <c r="F114" s="553">
        <v>25837.88</v>
      </c>
      <c r="G114" s="552">
        <v>3.4691563182244855E-3</v>
      </c>
      <c r="H114" s="610"/>
    </row>
    <row r="115" spans="1:8" x14ac:dyDescent="0.2">
      <c r="A115" s="90" t="s">
        <v>232</v>
      </c>
      <c r="B115" s="650">
        <v>440939600</v>
      </c>
      <c r="C115" s="650">
        <v>651634767.12</v>
      </c>
      <c r="D115" s="609">
        <v>516534457.23000002</v>
      </c>
      <c r="E115" s="554">
        <v>49.273239307443518</v>
      </c>
      <c r="F115" s="553">
        <v>406865160.45999998</v>
      </c>
      <c r="G115" s="552">
        <v>54.62827608438571</v>
      </c>
      <c r="H115" s="612"/>
    </row>
    <row r="116" spans="1:8" ht="15" customHeight="1" x14ac:dyDescent="0.2">
      <c r="A116" s="233" t="s">
        <v>170</v>
      </c>
      <c r="B116" s="603">
        <v>1167833700</v>
      </c>
      <c r="C116" s="603">
        <v>1379017908.1900001</v>
      </c>
      <c r="D116" s="613">
        <v>1048306270.28</v>
      </c>
      <c r="E116" s="559">
        <v>100</v>
      </c>
      <c r="F116" s="614">
        <v>744788577.68000007</v>
      </c>
      <c r="G116" s="558">
        <v>100</v>
      </c>
      <c r="H116" s="615">
        <v>0</v>
      </c>
    </row>
    <row r="117" spans="1:8" ht="10.5" customHeight="1" x14ac:dyDescent="0.2">
      <c r="A117" s="179" t="s">
        <v>862</v>
      </c>
      <c r="B117" s="327"/>
      <c r="C117" s="327"/>
      <c r="D117" s="327"/>
      <c r="E117" s="524"/>
      <c r="F117" s="525"/>
      <c r="G117" s="525"/>
      <c r="H117" s="304"/>
    </row>
    <row r="118" spans="1:8" ht="11.25" x14ac:dyDescent="0.2">
      <c r="A118" s="85" t="s">
        <v>0</v>
      </c>
      <c r="B118" s="102"/>
      <c r="C118" s="102"/>
      <c r="D118" s="85"/>
      <c r="E118" s="339"/>
      <c r="F118" s="97"/>
      <c r="G118" s="97"/>
    </row>
    <row r="119" spans="1:8" ht="11.25" x14ac:dyDescent="0.2">
      <c r="A119" s="85" t="s">
        <v>627</v>
      </c>
      <c r="B119" s="102"/>
      <c r="C119" s="102"/>
      <c r="D119" s="85"/>
      <c r="E119" s="339"/>
      <c r="F119" s="97"/>
      <c r="G119" s="97"/>
    </row>
    <row r="120" spans="1:8" ht="11.25" x14ac:dyDescent="0.2">
      <c r="A120" s="85" t="s">
        <v>628</v>
      </c>
      <c r="B120" s="102"/>
      <c r="C120" s="102"/>
      <c r="D120" s="85"/>
      <c r="E120" s="85"/>
      <c r="F120" s="97"/>
      <c r="G120" s="97"/>
    </row>
    <row r="121" spans="1:8" ht="11.25" x14ac:dyDescent="0.2">
      <c r="A121" s="15" t="s">
        <v>629</v>
      </c>
      <c r="B121" s="103"/>
      <c r="C121" s="103"/>
      <c r="D121" s="85"/>
      <c r="E121" s="85"/>
      <c r="F121" s="97"/>
      <c r="G121" s="97"/>
    </row>
    <row r="122" spans="1:8" ht="11.25" x14ac:dyDescent="0.2">
      <c r="A122" s="15" t="s">
        <v>630</v>
      </c>
    </row>
    <row r="123" spans="1:8" ht="11.25" x14ac:dyDescent="0.2">
      <c r="A123" s="104" t="s">
        <v>631</v>
      </c>
    </row>
    <row r="124" spans="1:8" x14ac:dyDescent="0.2">
      <c r="A124" s="870" t="s">
        <v>632</v>
      </c>
      <c r="B124" s="870"/>
      <c r="C124" s="870"/>
    </row>
    <row r="125" spans="1:8" x14ac:dyDescent="0.2">
      <c r="B125" s="327"/>
      <c r="C125" s="327"/>
      <c r="D125" s="327"/>
      <c r="E125" s="327"/>
      <c r="F125" s="327"/>
    </row>
    <row r="126" spans="1:8" x14ac:dyDescent="0.2">
      <c r="B126" s="327"/>
      <c r="C126" s="327"/>
      <c r="D126" s="327"/>
      <c r="E126" s="327"/>
      <c r="F126" s="327"/>
      <c r="G126" s="327"/>
    </row>
    <row r="127" spans="1:8" x14ac:dyDescent="0.2">
      <c r="B127" s="327"/>
    </row>
    <row r="132" s="46" customFormat="1" ht="11.25" customHeight="1" x14ac:dyDescent="0.2"/>
    <row r="133" s="46" customFormat="1" ht="11.25" customHeight="1" x14ac:dyDescent="0.2"/>
    <row r="134" s="46" customFormat="1" ht="11.25" customHeight="1" x14ac:dyDescent="0.2"/>
    <row r="135" s="46" customFormat="1" ht="11.25" customHeight="1" x14ac:dyDescent="0.2"/>
    <row r="136" s="46" customFormat="1" ht="11.25" customHeight="1" x14ac:dyDescent="0.2"/>
    <row r="137" s="46" customFormat="1" ht="11.25" customHeight="1" x14ac:dyDescent="0.2"/>
    <row r="138" s="46" customFormat="1" ht="11.25" customHeight="1" x14ac:dyDescent="0.2"/>
  </sheetData>
  <customSheetViews>
    <customSheetView guid="{6DBFA32C-4AA4-4E1D-9A48-697377C64CC3}" showPageBreaks="1" showGridLines="0" fitToPage="1" printArea="1" topLeftCell="A70">
      <selection activeCell="B82" sqref="B82"/>
      <pageMargins left="0.19685039370078741" right="0.19685039370078741" top="0.78740157480314965" bottom="0.39370078740157483" header="0" footer="0"/>
      <printOptions horizontalCentered="1"/>
      <pageSetup paperSize="9" scale="53" fitToHeight="2" orientation="portrait" r:id="rId1"/>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2"/>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3"/>
    </customSheetView>
    <customSheetView guid="{82EDB5A4-4824-4632-A540-7A52C92F04C7}" scale="90" showPageBreaks="1" showGridLines="0" fitToPage="1" topLeftCell="A55">
      <selection activeCell="D69" sqref="D69"/>
      <pageMargins left="0.19685039370078741" right="0.19685039370078741" top="0.78740157480314965" bottom="0.39370078740157483" header="0" footer="0"/>
      <printOptions horizontalCentered="1"/>
      <pageSetup paperSize="9" scale="27" fitToHeight="2" orientation="portrait" r:id="rId4"/>
    </customSheetView>
    <customSheetView guid="{C779D862-DE28-46CD-A428-4AAA1056D1E1}" showPageBreaks="1" showGridLines="0" fitToPage="1" printArea="1">
      <selection activeCell="G49" sqref="G49"/>
      <pageMargins left="0.19685039370078741" right="0.19685039370078741" top="0.78740157480314965" bottom="0.39370078740157483" header="0" footer="0"/>
      <printOptions horizontalCentered="1"/>
      <pageSetup paperSize="9" scale="53" fitToHeight="2" orientation="portrait" r:id="rId5"/>
    </customSheetView>
    <customSheetView guid="{25EF1E0D-169B-4051-B414-7E1196FC05E4}" showPageBreaks="1" showGridLines="0" fitToPage="1" printArea="1">
      <selection activeCell="B40" sqref="B40"/>
      <pageMargins left="0.19685039370078741" right="0.19685039370078741" top="0.78740157480314965" bottom="0.39370078740157483" header="0" footer="0"/>
      <printOptions horizontalCentered="1"/>
      <pageSetup paperSize="9" scale="53" fitToHeight="2" orientation="portrait" r:id="rId6"/>
    </customSheetView>
    <customSheetView guid="{3AAF6A5F-F9AA-430B-9AD9-1261ECDF41B5}" showPageBreaks="1" showGridLines="0" printArea="1" topLeftCell="B66">
      <selection activeCell="M73" sqref="M73"/>
      <rowBreaks count="1" manualBreakCount="1">
        <brk id="105" max="7" man="1"/>
      </rowBreaks>
      <pageMargins left="0.19685039370078741" right="0.19685039370078741" top="0.78740157480314965" bottom="0.39370078740157483" header="0" footer="0"/>
      <printOptions horizontalCentered="1"/>
      <pageSetup paperSize="9" scale="53" fitToHeight="2" orientation="portrait" r:id="rId7"/>
    </customSheetView>
  </customSheetViews>
  <mergeCells count="167">
    <mergeCell ref="E20:F20"/>
    <mergeCell ref="A6:H6"/>
    <mergeCell ref="E21:F21"/>
    <mergeCell ref="A7:H7"/>
    <mergeCell ref="C10:D11"/>
    <mergeCell ref="C20:D20"/>
    <mergeCell ref="C21:D21"/>
    <mergeCell ref="C22:D22"/>
    <mergeCell ref="C28:D28"/>
    <mergeCell ref="E24:F24"/>
    <mergeCell ref="G24:H24"/>
    <mergeCell ref="E25:F25"/>
    <mergeCell ref="G25:H25"/>
    <mergeCell ref="G15:H15"/>
    <mergeCell ref="G17:H17"/>
    <mergeCell ref="G18:H18"/>
    <mergeCell ref="G19:H19"/>
    <mergeCell ref="G20:H20"/>
    <mergeCell ref="C29:D29"/>
    <mergeCell ref="C23:D23"/>
    <mergeCell ref="C24:D24"/>
    <mergeCell ref="C25:D25"/>
    <mergeCell ref="C27:D27"/>
    <mergeCell ref="E29:F29"/>
    <mergeCell ref="E30:F30"/>
    <mergeCell ref="G30:H30"/>
    <mergeCell ref="G21:H21"/>
    <mergeCell ref="E22:F22"/>
    <mergeCell ref="G22:H22"/>
    <mergeCell ref="G29:H29"/>
    <mergeCell ref="G26:H26"/>
    <mergeCell ref="E27:F27"/>
    <mergeCell ref="G27:H27"/>
    <mergeCell ref="E28:F28"/>
    <mergeCell ref="G28:H28"/>
    <mergeCell ref="E23:F23"/>
    <mergeCell ref="G23:H23"/>
    <mergeCell ref="C26:D26"/>
    <mergeCell ref="E26:F26"/>
    <mergeCell ref="A3:H3"/>
    <mergeCell ref="E13:F13"/>
    <mergeCell ref="G13:H13"/>
    <mergeCell ref="E14:F14"/>
    <mergeCell ref="G14:H14"/>
    <mergeCell ref="A10:A12"/>
    <mergeCell ref="B10:B12"/>
    <mergeCell ref="E19:F19"/>
    <mergeCell ref="C12:D12"/>
    <mergeCell ref="C13:D13"/>
    <mergeCell ref="C14:D14"/>
    <mergeCell ref="A4:H4"/>
    <mergeCell ref="A5:H5"/>
    <mergeCell ref="E16:F16"/>
    <mergeCell ref="G16:H16"/>
    <mergeCell ref="E17:F17"/>
    <mergeCell ref="E18:F18"/>
    <mergeCell ref="C15:D15"/>
    <mergeCell ref="C16:D16"/>
    <mergeCell ref="C17:D17"/>
    <mergeCell ref="C18:D18"/>
    <mergeCell ref="C19:D19"/>
    <mergeCell ref="D102:E102"/>
    <mergeCell ref="C106:C108"/>
    <mergeCell ref="F102:H102"/>
    <mergeCell ref="D94:E94"/>
    <mergeCell ref="D93:E93"/>
    <mergeCell ref="F93:H93"/>
    <mergeCell ref="G82:H82"/>
    <mergeCell ref="G83:H83"/>
    <mergeCell ref="C86:H87"/>
    <mergeCell ref="F88:H90"/>
    <mergeCell ref="D106:E106"/>
    <mergeCell ref="F106:G106"/>
    <mergeCell ref="H106:H108"/>
    <mergeCell ref="C88:C90"/>
    <mergeCell ref="D91:E91"/>
    <mergeCell ref="F91:H91"/>
    <mergeCell ref="F101:H101"/>
    <mergeCell ref="D100:E100"/>
    <mergeCell ref="D101:E101"/>
    <mergeCell ref="E36:F36"/>
    <mergeCell ref="E40:F40"/>
    <mergeCell ref="E41:F41"/>
    <mergeCell ref="C30:D30"/>
    <mergeCell ref="C31:D31"/>
    <mergeCell ref="E31:F31"/>
    <mergeCell ref="G31:H31"/>
    <mergeCell ref="E37:F37"/>
    <mergeCell ref="G40:H40"/>
    <mergeCell ref="C41:D41"/>
    <mergeCell ref="C35:D35"/>
    <mergeCell ref="C36:D36"/>
    <mergeCell ref="C37:D37"/>
    <mergeCell ref="C38:D38"/>
    <mergeCell ref="C39:D39"/>
    <mergeCell ref="C40:D40"/>
    <mergeCell ref="G35:H35"/>
    <mergeCell ref="G36:H36"/>
    <mergeCell ref="C33:D34"/>
    <mergeCell ref="G38:H38"/>
    <mergeCell ref="A106:A107"/>
    <mergeCell ref="D80:D81"/>
    <mergeCell ref="G80:H81"/>
    <mergeCell ref="A76:D76"/>
    <mergeCell ref="A78:D78"/>
    <mergeCell ref="E78:H78"/>
    <mergeCell ref="C80:C81"/>
    <mergeCell ref="E80:E81"/>
    <mergeCell ref="F80:F81"/>
    <mergeCell ref="A80:B81"/>
    <mergeCell ref="E76:H76"/>
    <mergeCell ref="A104:B104"/>
    <mergeCell ref="A96:B100"/>
    <mergeCell ref="B106:B108"/>
    <mergeCell ref="F103:H103"/>
    <mergeCell ref="F104:H104"/>
    <mergeCell ref="D103:E103"/>
    <mergeCell ref="D104:E104"/>
    <mergeCell ref="D98:E99"/>
    <mergeCell ref="A94:B94"/>
    <mergeCell ref="F94:H94"/>
    <mergeCell ref="D92:E92"/>
    <mergeCell ref="F92:H92"/>
    <mergeCell ref="C98:C100"/>
    <mergeCell ref="A46:A47"/>
    <mergeCell ref="D46:E46"/>
    <mergeCell ref="F46:G46"/>
    <mergeCell ref="H46:H48"/>
    <mergeCell ref="A58:B58"/>
    <mergeCell ref="A59:A61"/>
    <mergeCell ref="D59:E59"/>
    <mergeCell ref="F59:G59"/>
    <mergeCell ref="H59:H61"/>
    <mergeCell ref="C44:D44"/>
    <mergeCell ref="C42:D42"/>
    <mergeCell ref="C43:D43"/>
    <mergeCell ref="E42:F42"/>
    <mergeCell ref="G37:H37"/>
    <mergeCell ref="E38:F38"/>
    <mergeCell ref="G44:H44"/>
    <mergeCell ref="E39:F39"/>
    <mergeCell ref="G39:H39"/>
    <mergeCell ref="G41:H41"/>
    <mergeCell ref="A124:C124"/>
    <mergeCell ref="E10:H10"/>
    <mergeCell ref="E11:F11"/>
    <mergeCell ref="G11:H11"/>
    <mergeCell ref="E12:F12"/>
    <mergeCell ref="C96:H97"/>
    <mergeCell ref="F98:H100"/>
    <mergeCell ref="A86:B90"/>
    <mergeCell ref="D88:E89"/>
    <mergeCell ref="D90:E90"/>
    <mergeCell ref="G12:H12"/>
    <mergeCell ref="A33:A35"/>
    <mergeCell ref="E33:H33"/>
    <mergeCell ref="E34:F34"/>
    <mergeCell ref="G34:H34"/>
    <mergeCell ref="E35:F35"/>
    <mergeCell ref="E15:F15"/>
    <mergeCell ref="B33:B35"/>
    <mergeCell ref="B46:B48"/>
    <mergeCell ref="B59:B61"/>
    <mergeCell ref="G42:H42"/>
    <mergeCell ref="E43:F43"/>
    <mergeCell ref="G43:H43"/>
    <mergeCell ref="E44:F44"/>
  </mergeCells>
  <printOptions horizontalCentered="1"/>
  <pageMargins left="0.19685039370078741" right="0.19685039370078741" top="0.78740157480314965" bottom="0.39370078740157483" header="0" footer="0"/>
  <pageSetup paperSize="9" scale="53" fitToHeight="2" orientation="portrait" r:id="rId8"/>
  <drawing r:id="rId9"/>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M58"/>
  <sheetViews>
    <sheetView showGridLines="0" zoomScaleNormal="100" workbookViewId="0"/>
  </sheetViews>
  <sheetFormatPr defaultRowHeight="11.25" customHeight="1" x14ac:dyDescent="0.2"/>
  <cols>
    <col min="1" max="1" width="48.85546875" style="273" customWidth="1"/>
    <col min="2" max="2" width="14.42578125" style="273" customWidth="1"/>
    <col min="3" max="3" width="19.140625" style="273" customWidth="1"/>
    <col min="4" max="12" width="6.7109375" style="273" customWidth="1"/>
    <col min="13" max="13" width="8" style="214" customWidth="1"/>
    <col min="14" max="245" width="9.140625" style="273"/>
    <col min="246" max="246" width="32" style="273" customWidth="1"/>
    <col min="247" max="247" width="9.140625" style="273"/>
    <col min="248" max="248" width="9.140625" style="273" customWidth="1"/>
    <col min="249" max="249" width="9.140625" style="273"/>
    <col min="250" max="250" width="9.140625" style="273" customWidth="1"/>
    <col min="251" max="251" width="7" style="273" customWidth="1"/>
    <col min="252" max="252" width="9.140625" style="273" customWidth="1"/>
    <col min="253" max="253" width="7.42578125" style="273" customWidth="1"/>
    <col min="254" max="254" width="9.140625" style="273" customWidth="1"/>
    <col min="255" max="255" width="7.42578125" style="273" customWidth="1"/>
    <col min="256" max="257" width="9.140625" style="273" customWidth="1"/>
    <col min="258" max="258" width="7.42578125" style="273" customWidth="1"/>
    <col min="259" max="259" width="9.140625" style="273" customWidth="1"/>
    <col min="260" max="260" width="7.85546875" style="273" customWidth="1"/>
    <col min="261" max="262" width="9.140625" style="273" customWidth="1"/>
    <col min="263" max="263" width="7.7109375" style="273" customWidth="1"/>
    <col min="264" max="264" width="9.140625" style="273" customWidth="1"/>
    <col min="265" max="265" width="7.5703125" style="273" customWidth="1"/>
    <col min="266" max="266" width="9.140625" style="273" customWidth="1"/>
    <col min="267" max="268" width="7.7109375" style="273" customWidth="1"/>
    <col min="269" max="269" width="8" style="273" customWidth="1"/>
    <col min="270" max="501" width="9.140625" style="273"/>
    <col min="502" max="502" width="32" style="273" customWidth="1"/>
    <col min="503" max="503" width="9.140625" style="273"/>
    <col min="504" max="504" width="9.140625" style="273" customWidth="1"/>
    <col min="505" max="505" width="9.140625" style="273"/>
    <col min="506" max="506" width="9.140625" style="273" customWidth="1"/>
    <col min="507" max="507" width="7" style="273" customWidth="1"/>
    <col min="508" max="508" width="9.140625" style="273" customWidth="1"/>
    <col min="509" max="509" width="7.42578125" style="273" customWidth="1"/>
    <col min="510" max="510" width="9.140625" style="273" customWidth="1"/>
    <col min="511" max="511" width="7.42578125" style="273" customWidth="1"/>
    <col min="512" max="513" width="9.140625" style="273" customWidth="1"/>
    <col min="514" max="514" width="7.42578125" style="273" customWidth="1"/>
    <col min="515" max="515" width="9.140625" style="273" customWidth="1"/>
    <col min="516" max="516" width="7.85546875" style="273" customWidth="1"/>
    <col min="517" max="518" width="9.140625" style="273" customWidth="1"/>
    <col min="519" max="519" width="7.7109375" style="273" customWidth="1"/>
    <col min="520" max="520" width="9.140625" style="273" customWidth="1"/>
    <col min="521" max="521" width="7.5703125" style="273" customWidth="1"/>
    <col min="522" max="522" width="9.140625" style="273" customWidth="1"/>
    <col min="523" max="524" width="7.7109375" style="273" customWidth="1"/>
    <col min="525" max="525" width="8" style="273" customWidth="1"/>
    <col min="526" max="757" width="9.140625" style="273"/>
    <col min="758" max="758" width="32" style="273" customWidth="1"/>
    <col min="759" max="759" width="9.140625" style="273"/>
    <col min="760" max="760" width="9.140625" style="273" customWidth="1"/>
    <col min="761" max="761" width="9.140625" style="273"/>
    <col min="762" max="762" width="9.140625" style="273" customWidth="1"/>
    <col min="763" max="763" width="7" style="273" customWidth="1"/>
    <col min="764" max="764" width="9.140625" style="273" customWidth="1"/>
    <col min="765" max="765" width="7.42578125" style="273" customWidth="1"/>
    <col min="766" max="766" width="9.140625" style="273" customWidth="1"/>
    <col min="767" max="767" width="7.42578125" style="273" customWidth="1"/>
    <col min="768" max="769" width="9.140625" style="273" customWidth="1"/>
    <col min="770" max="770" width="7.42578125" style="273" customWidth="1"/>
    <col min="771" max="771" width="9.140625" style="273" customWidth="1"/>
    <col min="772" max="772" width="7.85546875" style="273" customWidth="1"/>
    <col min="773" max="774" width="9.140625" style="273" customWidth="1"/>
    <col min="775" max="775" width="7.7109375" style="273" customWidth="1"/>
    <col min="776" max="776" width="9.140625" style="273" customWidth="1"/>
    <col min="777" max="777" width="7.5703125" style="273" customWidth="1"/>
    <col min="778" max="778" width="9.140625" style="273" customWidth="1"/>
    <col min="779" max="780" width="7.7109375" style="273" customWidth="1"/>
    <col min="781" max="781" width="8" style="273" customWidth="1"/>
    <col min="782" max="1013" width="9.140625" style="273"/>
    <col min="1014" max="1014" width="32" style="273" customWidth="1"/>
    <col min="1015" max="1015" width="9.140625" style="273"/>
    <col min="1016" max="1016" width="9.140625" style="273" customWidth="1"/>
    <col min="1017" max="1017" width="9.140625" style="273"/>
    <col min="1018" max="1018" width="9.140625" style="273" customWidth="1"/>
    <col min="1019" max="1019" width="7" style="273" customWidth="1"/>
    <col min="1020" max="1020" width="9.140625" style="273" customWidth="1"/>
    <col min="1021" max="1021" width="7.42578125" style="273" customWidth="1"/>
    <col min="1022" max="1022" width="9.140625" style="273" customWidth="1"/>
    <col min="1023" max="1023" width="7.42578125" style="273" customWidth="1"/>
    <col min="1024" max="1025" width="9.140625" style="273" customWidth="1"/>
    <col min="1026" max="1026" width="7.42578125" style="273" customWidth="1"/>
    <col min="1027" max="1027" width="9.140625" style="273" customWidth="1"/>
    <col min="1028" max="1028" width="7.85546875" style="273" customWidth="1"/>
    <col min="1029" max="1030" width="9.140625" style="273" customWidth="1"/>
    <col min="1031" max="1031" width="7.7109375" style="273" customWidth="1"/>
    <col min="1032" max="1032" width="9.140625" style="273" customWidth="1"/>
    <col min="1033" max="1033" width="7.5703125" style="273" customWidth="1"/>
    <col min="1034" max="1034" width="9.140625" style="273" customWidth="1"/>
    <col min="1035" max="1036" width="7.7109375" style="273" customWidth="1"/>
    <col min="1037" max="1037" width="8" style="273" customWidth="1"/>
    <col min="1038" max="1269" width="9.140625" style="273"/>
    <col min="1270" max="1270" width="32" style="273" customWidth="1"/>
    <col min="1271" max="1271" width="9.140625" style="273"/>
    <col min="1272" max="1272" width="9.140625" style="273" customWidth="1"/>
    <col min="1273" max="1273" width="9.140625" style="273"/>
    <col min="1274" max="1274" width="9.140625" style="273" customWidth="1"/>
    <col min="1275" max="1275" width="7" style="273" customWidth="1"/>
    <col min="1276" max="1276" width="9.140625" style="273" customWidth="1"/>
    <col min="1277" max="1277" width="7.42578125" style="273" customWidth="1"/>
    <col min="1278" max="1278" width="9.140625" style="273" customWidth="1"/>
    <col min="1279" max="1279" width="7.42578125" style="273" customWidth="1"/>
    <col min="1280" max="1281" width="9.140625" style="273" customWidth="1"/>
    <col min="1282" max="1282" width="7.42578125" style="273" customWidth="1"/>
    <col min="1283" max="1283" width="9.140625" style="273" customWidth="1"/>
    <col min="1284" max="1284" width="7.85546875" style="273" customWidth="1"/>
    <col min="1285" max="1286" width="9.140625" style="273" customWidth="1"/>
    <col min="1287" max="1287" width="7.7109375" style="273" customWidth="1"/>
    <col min="1288" max="1288" width="9.140625" style="273" customWidth="1"/>
    <col min="1289" max="1289" width="7.5703125" style="273" customWidth="1"/>
    <col min="1290" max="1290" width="9.140625" style="273" customWidth="1"/>
    <col min="1291" max="1292" width="7.7109375" style="273" customWidth="1"/>
    <col min="1293" max="1293" width="8" style="273" customWidth="1"/>
    <col min="1294" max="1525" width="9.140625" style="273"/>
    <col min="1526" max="1526" width="32" style="273" customWidth="1"/>
    <col min="1527" max="1527" width="9.140625" style="273"/>
    <col min="1528" max="1528" width="9.140625" style="273" customWidth="1"/>
    <col min="1529" max="1529" width="9.140625" style="273"/>
    <col min="1530" max="1530" width="9.140625" style="273" customWidth="1"/>
    <col min="1531" max="1531" width="7" style="273" customWidth="1"/>
    <col min="1532" max="1532" width="9.140625" style="273" customWidth="1"/>
    <col min="1533" max="1533" width="7.42578125" style="273" customWidth="1"/>
    <col min="1534" max="1534" width="9.140625" style="273" customWidth="1"/>
    <col min="1535" max="1535" width="7.42578125" style="273" customWidth="1"/>
    <col min="1536" max="1537" width="9.140625" style="273" customWidth="1"/>
    <col min="1538" max="1538" width="7.42578125" style="273" customWidth="1"/>
    <col min="1539" max="1539" width="9.140625" style="273" customWidth="1"/>
    <col min="1540" max="1540" width="7.85546875" style="273" customWidth="1"/>
    <col min="1541" max="1542" width="9.140625" style="273" customWidth="1"/>
    <col min="1543" max="1543" width="7.7109375" style="273" customWidth="1"/>
    <col min="1544" max="1544" width="9.140625" style="273" customWidth="1"/>
    <col min="1545" max="1545" width="7.5703125" style="273" customWidth="1"/>
    <col min="1546" max="1546" width="9.140625" style="273" customWidth="1"/>
    <col min="1547" max="1548" width="7.7109375" style="273" customWidth="1"/>
    <col min="1549" max="1549" width="8" style="273" customWidth="1"/>
    <col min="1550" max="1781" width="9.140625" style="273"/>
    <col min="1782" max="1782" width="32" style="273" customWidth="1"/>
    <col min="1783" max="1783" width="9.140625" style="273"/>
    <col min="1784" max="1784" width="9.140625" style="273" customWidth="1"/>
    <col min="1785" max="1785" width="9.140625" style="273"/>
    <col min="1786" max="1786" width="9.140625" style="273" customWidth="1"/>
    <col min="1787" max="1787" width="7" style="273" customWidth="1"/>
    <col min="1788" max="1788" width="9.140625" style="273" customWidth="1"/>
    <col min="1789" max="1789" width="7.42578125" style="273" customWidth="1"/>
    <col min="1790" max="1790" width="9.140625" style="273" customWidth="1"/>
    <col min="1791" max="1791" width="7.42578125" style="273" customWidth="1"/>
    <col min="1792" max="1793" width="9.140625" style="273" customWidth="1"/>
    <col min="1794" max="1794" width="7.42578125" style="273" customWidth="1"/>
    <col min="1795" max="1795" width="9.140625" style="273" customWidth="1"/>
    <col min="1796" max="1796" width="7.85546875" style="273" customWidth="1"/>
    <col min="1797" max="1798" width="9.140625" style="273" customWidth="1"/>
    <col min="1799" max="1799" width="7.7109375" style="273" customWidth="1"/>
    <col min="1800" max="1800" width="9.140625" style="273" customWidth="1"/>
    <col min="1801" max="1801" width="7.5703125" style="273" customWidth="1"/>
    <col min="1802" max="1802" width="9.140625" style="273" customWidth="1"/>
    <col min="1803" max="1804" width="7.7109375" style="273" customWidth="1"/>
    <col min="1805" max="1805" width="8" style="273" customWidth="1"/>
    <col min="1806" max="2037" width="9.140625" style="273"/>
    <col min="2038" max="2038" width="32" style="273" customWidth="1"/>
    <col min="2039" max="2039" width="9.140625" style="273"/>
    <col min="2040" max="2040" width="9.140625" style="273" customWidth="1"/>
    <col min="2041" max="2041" width="9.140625" style="273"/>
    <col min="2042" max="2042" width="9.140625" style="273" customWidth="1"/>
    <col min="2043" max="2043" width="7" style="273" customWidth="1"/>
    <col min="2044" max="2044" width="9.140625" style="273" customWidth="1"/>
    <col min="2045" max="2045" width="7.42578125" style="273" customWidth="1"/>
    <col min="2046" max="2046" width="9.140625" style="273" customWidth="1"/>
    <col min="2047" max="2047" width="7.42578125" style="273" customWidth="1"/>
    <col min="2048" max="2049" width="9.140625" style="273" customWidth="1"/>
    <col min="2050" max="2050" width="7.42578125" style="273" customWidth="1"/>
    <col min="2051" max="2051" width="9.140625" style="273" customWidth="1"/>
    <col min="2052" max="2052" width="7.85546875" style="273" customWidth="1"/>
    <col min="2053" max="2054" width="9.140625" style="273" customWidth="1"/>
    <col min="2055" max="2055" width="7.7109375" style="273" customWidth="1"/>
    <col min="2056" max="2056" width="9.140625" style="273" customWidth="1"/>
    <col min="2057" max="2057" width="7.5703125" style="273" customWidth="1"/>
    <col min="2058" max="2058" width="9.140625" style="273" customWidth="1"/>
    <col min="2059" max="2060" width="7.7109375" style="273" customWidth="1"/>
    <col min="2061" max="2061" width="8" style="273" customWidth="1"/>
    <col min="2062" max="2293" width="9.140625" style="273"/>
    <col min="2294" max="2294" width="32" style="273" customWidth="1"/>
    <col min="2295" max="2295" width="9.140625" style="273"/>
    <col min="2296" max="2296" width="9.140625" style="273" customWidth="1"/>
    <col min="2297" max="2297" width="9.140625" style="273"/>
    <col min="2298" max="2298" width="9.140625" style="273" customWidth="1"/>
    <col min="2299" max="2299" width="7" style="273" customWidth="1"/>
    <col min="2300" max="2300" width="9.140625" style="273" customWidth="1"/>
    <col min="2301" max="2301" width="7.42578125" style="273" customWidth="1"/>
    <col min="2302" max="2302" width="9.140625" style="273" customWidth="1"/>
    <col min="2303" max="2303" width="7.42578125" style="273" customWidth="1"/>
    <col min="2304" max="2305" width="9.140625" style="273" customWidth="1"/>
    <col min="2306" max="2306" width="7.42578125" style="273" customWidth="1"/>
    <col min="2307" max="2307" width="9.140625" style="273" customWidth="1"/>
    <col min="2308" max="2308" width="7.85546875" style="273" customWidth="1"/>
    <col min="2309" max="2310" width="9.140625" style="273" customWidth="1"/>
    <col min="2311" max="2311" width="7.7109375" style="273" customWidth="1"/>
    <col min="2312" max="2312" width="9.140625" style="273" customWidth="1"/>
    <col min="2313" max="2313" width="7.5703125" style="273" customWidth="1"/>
    <col min="2314" max="2314" width="9.140625" style="273" customWidth="1"/>
    <col min="2315" max="2316" width="7.7109375" style="273" customWidth="1"/>
    <col min="2317" max="2317" width="8" style="273" customWidth="1"/>
    <col min="2318" max="2549" width="9.140625" style="273"/>
    <col min="2550" max="2550" width="32" style="273" customWidth="1"/>
    <col min="2551" max="2551" width="9.140625" style="273"/>
    <col min="2552" max="2552" width="9.140625" style="273" customWidth="1"/>
    <col min="2553" max="2553" width="9.140625" style="273"/>
    <col min="2554" max="2554" width="9.140625" style="273" customWidth="1"/>
    <col min="2555" max="2555" width="7" style="273" customWidth="1"/>
    <col min="2556" max="2556" width="9.140625" style="273" customWidth="1"/>
    <col min="2557" max="2557" width="7.42578125" style="273" customWidth="1"/>
    <col min="2558" max="2558" width="9.140625" style="273" customWidth="1"/>
    <col min="2559" max="2559" width="7.42578125" style="273" customWidth="1"/>
    <col min="2560" max="2561" width="9.140625" style="273" customWidth="1"/>
    <col min="2562" max="2562" width="7.42578125" style="273" customWidth="1"/>
    <col min="2563" max="2563" width="9.140625" style="273" customWidth="1"/>
    <col min="2564" max="2564" width="7.85546875" style="273" customWidth="1"/>
    <col min="2565" max="2566" width="9.140625" style="273" customWidth="1"/>
    <col min="2567" max="2567" width="7.7109375" style="273" customWidth="1"/>
    <col min="2568" max="2568" width="9.140625" style="273" customWidth="1"/>
    <col min="2569" max="2569" width="7.5703125" style="273" customWidth="1"/>
    <col min="2570" max="2570" width="9.140625" style="273" customWidth="1"/>
    <col min="2571" max="2572" width="7.7109375" style="273" customWidth="1"/>
    <col min="2573" max="2573" width="8" style="273" customWidth="1"/>
    <col min="2574" max="2805" width="9.140625" style="273"/>
    <col min="2806" max="2806" width="32" style="273" customWidth="1"/>
    <col min="2807" max="2807" width="9.140625" style="273"/>
    <col min="2808" max="2808" width="9.140625" style="273" customWidth="1"/>
    <col min="2809" max="2809" width="9.140625" style="273"/>
    <col min="2810" max="2810" width="9.140625" style="273" customWidth="1"/>
    <col min="2811" max="2811" width="7" style="273" customWidth="1"/>
    <col min="2812" max="2812" width="9.140625" style="273" customWidth="1"/>
    <col min="2813" max="2813" width="7.42578125" style="273" customWidth="1"/>
    <col min="2814" max="2814" width="9.140625" style="273" customWidth="1"/>
    <col min="2815" max="2815" width="7.42578125" style="273" customWidth="1"/>
    <col min="2816" max="2817" width="9.140625" style="273" customWidth="1"/>
    <col min="2818" max="2818" width="7.42578125" style="273" customWidth="1"/>
    <col min="2819" max="2819" width="9.140625" style="273" customWidth="1"/>
    <col min="2820" max="2820" width="7.85546875" style="273" customWidth="1"/>
    <col min="2821" max="2822" width="9.140625" style="273" customWidth="1"/>
    <col min="2823" max="2823" width="7.7109375" style="273" customWidth="1"/>
    <col min="2824" max="2824" width="9.140625" style="273" customWidth="1"/>
    <col min="2825" max="2825" width="7.5703125" style="273" customWidth="1"/>
    <col min="2826" max="2826" width="9.140625" style="273" customWidth="1"/>
    <col min="2827" max="2828" width="7.7109375" style="273" customWidth="1"/>
    <col min="2829" max="2829" width="8" style="273" customWidth="1"/>
    <col min="2830" max="3061" width="9.140625" style="273"/>
    <col min="3062" max="3062" width="32" style="273" customWidth="1"/>
    <col min="3063" max="3063" width="9.140625" style="273"/>
    <col min="3064" max="3064" width="9.140625" style="273" customWidth="1"/>
    <col min="3065" max="3065" width="9.140625" style="273"/>
    <col min="3066" max="3066" width="9.140625" style="273" customWidth="1"/>
    <col min="3067" max="3067" width="7" style="273" customWidth="1"/>
    <col min="3068" max="3068" width="9.140625" style="273" customWidth="1"/>
    <col min="3069" max="3069" width="7.42578125" style="273" customWidth="1"/>
    <col min="3070" max="3070" width="9.140625" style="273" customWidth="1"/>
    <col min="3071" max="3071" width="7.42578125" style="273" customWidth="1"/>
    <col min="3072" max="3073" width="9.140625" style="273" customWidth="1"/>
    <col min="3074" max="3074" width="7.42578125" style="273" customWidth="1"/>
    <col min="3075" max="3075" width="9.140625" style="273" customWidth="1"/>
    <col min="3076" max="3076" width="7.85546875" style="273" customWidth="1"/>
    <col min="3077" max="3078" width="9.140625" style="273" customWidth="1"/>
    <col min="3079" max="3079" width="7.7109375" style="273" customWidth="1"/>
    <col min="3080" max="3080" width="9.140625" style="273" customWidth="1"/>
    <col min="3081" max="3081" width="7.5703125" style="273" customWidth="1"/>
    <col min="3082" max="3082" width="9.140625" style="273" customWidth="1"/>
    <col min="3083" max="3084" width="7.7109375" style="273" customWidth="1"/>
    <col min="3085" max="3085" width="8" style="273" customWidth="1"/>
    <col min="3086" max="3317" width="9.140625" style="273"/>
    <col min="3318" max="3318" width="32" style="273" customWidth="1"/>
    <col min="3319" max="3319" width="9.140625" style="273"/>
    <col min="3320" max="3320" width="9.140625" style="273" customWidth="1"/>
    <col min="3321" max="3321" width="9.140625" style="273"/>
    <col min="3322" max="3322" width="9.140625" style="273" customWidth="1"/>
    <col min="3323" max="3323" width="7" style="273" customWidth="1"/>
    <col min="3324" max="3324" width="9.140625" style="273" customWidth="1"/>
    <col min="3325" max="3325" width="7.42578125" style="273" customWidth="1"/>
    <col min="3326" max="3326" width="9.140625" style="273" customWidth="1"/>
    <col min="3327" max="3327" width="7.42578125" style="273" customWidth="1"/>
    <col min="3328" max="3329" width="9.140625" style="273" customWidth="1"/>
    <col min="3330" max="3330" width="7.42578125" style="273" customWidth="1"/>
    <col min="3331" max="3331" width="9.140625" style="273" customWidth="1"/>
    <col min="3332" max="3332" width="7.85546875" style="273" customWidth="1"/>
    <col min="3333" max="3334" width="9.140625" style="273" customWidth="1"/>
    <col min="3335" max="3335" width="7.7109375" style="273" customWidth="1"/>
    <col min="3336" max="3336" width="9.140625" style="273" customWidth="1"/>
    <col min="3337" max="3337" width="7.5703125" style="273" customWidth="1"/>
    <col min="3338" max="3338" width="9.140625" style="273" customWidth="1"/>
    <col min="3339" max="3340" width="7.7109375" style="273" customWidth="1"/>
    <col min="3341" max="3341" width="8" style="273" customWidth="1"/>
    <col min="3342" max="3573" width="9.140625" style="273"/>
    <col min="3574" max="3574" width="32" style="273" customWidth="1"/>
    <col min="3575" max="3575" width="9.140625" style="273"/>
    <col min="3576" max="3576" width="9.140625" style="273" customWidth="1"/>
    <col min="3577" max="3577" width="9.140625" style="273"/>
    <col min="3578" max="3578" width="9.140625" style="273" customWidth="1"/>
    <col min="3579" max="3579" width="7" style="273" customWidth="1"/>
    <col min="3580" max="3580" width="9.140625" style="273" customWidth="1"/>
    <col min="3581" max="3581" width="7.42578125" style="273" customWidth="1"/>
    <col min="3582" max="3582" width="9.140625" style="273" customWidth="1"/>
    <col min="3583" max="3583" width="7.42578125" style="273" customWidth="1"/>
    <col min="3584" max="3585" width="9.140625" style="273" customWidth="1"/>
    <col min="3586" max="3586" width="7.42578125" style="273" customWidth="1"/>
    <col min="3587" max="3587" width="9.140625" style="273" customWidth="1"/>
    <col min="3588" max="3588" width="7.85546875" style="273" customWidth="1"/>
    <col min="3589" max="3590" width="9.140625" style="273" customWidth="1"/>
    <col min="3591" max="3591" width="7.7109375" style="273" customWidth="1"/>
    <col min="3592" max="3592" width="9.140625" style="273" customWidth="1"/>
    <col min="3593" max="3593" width="7.5703125" style="273" customWidth="1"/>
    <col min="3594" max="3594" width="9.140625" style="273" customWidth="1"/>
    <col min="3595" max="3596" width="7.7109375" style="273" customWidth="1"/>
    <col min="3597" max="3597" width="8" style="273" customWidth="1"/>
    <col min="3598" max="3829" width="9.140625" style="273"/>
    <col min="3830" max="3830" width="32" style="273" customWidth="1"/>
    <col min="3831" max="3831" width="9.140625" style="273"/>
    <col min="3832" max="3832" width="9.140625" style="273" customWidth="1"/>
    <col min="3833" max="3833" width="9.140625" style="273"/>
    <col min="3834" max="3834" width="9.140625" style="273" customWidth="1"/>
    <col min="3835" max="3835" width="7" style="273" customWidth="1"/>
    <col min="3836" max="3836" width="9.140625" style="273" customWidth="1"/>
    <col min="3837" max="3837" width="7.42578125" style="273" customWidth="1"/>
    <col min="3838" max="3838" width="9.140625" style="273" customWidth="1"/>
    <col min="3839" max="3839" width="7.42578125" style="273" customWidth="1"/>
    <col min="3840" max="3841" width="9.140625" style="273" customWidth="1"/>
    <col min="3842" max="3842" width="7.42578125" style="273" customWidth="1"/>
    <col min="3843" max="3843" width="9.140625" style="273" customWidth="1"/>
    <col min="3844" max="3844" width="7.85546875" style="273" customWidth="1"/>
    <col min="3845" max="3846" width="9.140625" style="273" customWidth="1"/>
    <col min="3847" max="3847" width="7.7109375" style="273" customWidth="1"/>
    <col min="3848" max="3848" width="9.140625" style="273" customWidth="1"/>
    <col min="3849" max="3849" width="7.5703125" style="273" customWidth="1"/>
    <col min="3850" max="3850" width="9.140625" style="273" customWidth="1"/>
    <col min="3851" max="3852" width="7.7109375" style="273" customWidth="1"/>
    <col min="3853" max="3853" width="8" style="273" customWidth="1"/>
    <col min="3854" max="4085" width="9.140625" style="273"/>
    <col min="4086" max="4086" width="32" style="273" customWidth="1"/>
    <col min="4087" max="4087" width="9.140625" style="273"/>
    <col min="4088" max="4088" width="9.140625" style="273" customWidth="1"/>
    <col min="4089" max="4089" width="9.140625" style="273"/>
    <col min="4090" max="4090" width="9.140625" style="273" customWidth="1"/>
    <col min="4091" max="4091" width="7" style="273" customWidth="1"/>
    <col min="4092" max="4092" width="9.140625" style="273" customWidth="1"/>
    <col min="4093" max="4093" width="7.42578125" style="273" customWidth="1"/>
    <col min="4094" max="4094" width="9.140625" style="273" customWidth="1"/>
    <col min="4095" max="4095" width="7.42578125" style="273" customWidth="1"/>
    <col min="4096" max="4097" width="9.140625" style="273" customWidth="1"/>
    <col min="4098" max="4098" width="7.42578125" style="273" customWidth="1"/>
    <col min="4099" max="4099" width="9.140625" style="273" customWidth="1"/>
    <col min="4100" max="4100" width="7.85546875" style="273" customWidth="1"/>
    <col min="4101" max="4102" width="9.140625" style="273" customWidth="1"/>
    <col min="4103" max="4103" width="7.7109375" style="273" customWidth="1"/>
    <col min="4104" max="4104" width="9.140625" style="273" customWidth="1"/>
    <col min="4105" max="4105" width="7.5703125" style="273" customWidth="1"/>
    <col min="4106" max="4106" width="9.140625" style="273" customWidth="1"/>
    <col min="4107" max="4108" width="7.7109375" style="273" customWidth="1"/>
    <col min="4109" max="4109" width="8" style="273" customWidth="1"/>
    <col min="4110" max="4341" width="9.140625" style="273"/>
    <col min="4342" max="4342" width="32" style="273" customWidth="1"/>
    <col min="4343" max="4343" width="9.140625" style="273"/>
    <col min="4344" max="4344" width="9.140625" style="273" customWidth="1"/>
    <col min="4345" max="4345" width="9.140625" style="273"/>
    <col min="4346" max="4346" width="9.140625" style="273" customWidth="1"/>
    <col min="4347" max="4347" width="7" style="273" customWidth="1"/>
    <col min="4348" max="4348" width="9.140625" style="273" customWidth="1"/>
    <col min="4349" max="4349" width="7.42578125" style="273" customWidth="1"/>
    <col min="4350" max="4350" width="9.140625" style="273" customWidth="1"/>
    <col min="4351" max="4351" width="7.42578125" style="273" customWidth="1"/>
    <col min="4352" max="4353" width="9.140625" style="273" customWidth="1"/>
    <col min="4354" max="4354" width="7.42578125" style="273" customWidth="1"/>
    <col min="4355" max="4355" width="9.140625" style="273" customWidth="1"/>
    <col min="4356" max="4356" width="7.85546875" style="273" customWidth="1"/>
    <col min="4357" max="4358" width="9.140625" style="273" customWidth="1"/>
    <col min="4359" max="4359" width="7.7109375" style="273" customWidth="1"/>
    <col min="4360" max="4360" width="9.140625" style="273" customWidth="1"/>
    <col min="4361" max="4361" width="7.5703125" style="273" customWidth="1"/>
    <col min="4362" max="4362" width="9.140625" style="273" customWidth="1"/>
    <col min="4363" max="4364" width="7.7109375" style="273" customWidth="1"/>
    <col min="4365" max="4365" width="8" style="273" customWidth="1"/>
    <col min="4366" max="4597" width="9.140625" style="273"/>
    <col min="4598" max="4598" width="32" style="273" customWidth="1"/>
    <col min="4599" max="4599" width="9.140625" style="273"/>
    <col min="4600" max="4600" width="9.140625" style="273" customWidth="1"/>
    <col min="4601" max="4601" width="9.140625" style="273"/>
    <col min="4602" max="4602" width="9.140625" style="273" customWidth="1"/>
    <col min="4603" max="4603" width="7" style="273" customWidth="1"/>
    <col min="4604" max="4604" width="9.140625" style="273" customWidth="1"/>
    <col min="4605" max="4605" width="7.42578125" style="273" customWidth="1"/>
    <col min="4606" max="4606" width="9.140625" style="273" customWidth="1"/>
    <col min="4607" max="4607" width="7.42578125" style="273" customWidth="1"/>
    <col min="4608" max="4609" width="9.140625" style="273" customWidth="1"/>
    <col min="4610" max="4610" width="7.42578125" style="273" customWidth="1"/>
    <col min="4611" max="4611" width="9.140625" style="273" customWidth="1"/>
    <col min="4612" max="4612" width="7.85546875" style="273" customWidth="1"/>
    <col min="4613" max="4614" width="9.140625" style="273" customWidth="1"/>
    <col min="4615" max="4615" width="7.7109375" style="273" customWidth="1"/>
    <col min="4616" max="4616" width="9.140625" style="273" customWidth="1"/>
    <col min="4617" max="4617" width="7.5703125" style="273" customWidth="1"/>
    <col min="4618" max="4618" width="9.140625" style="273" customWidth="1"/>
    <col min="4619" max="4620" width="7.7109375" style="273" customWidth="1"/>
    <col min="4621" max="4621" width="8" style="273" customWidth="1"/>
    <col min="4622" max="4853" width="9.140625" style="273"/>
    <col min="4854" max="4854" width="32" style="273" customWidth="1"/>
    <col min="4855" max="4855" width="9.140625" style="273"/>
    <col min="4856" max="4856" width="9.140625" style="273" customWidth="1"/>
    <col min="4857" max="4857" width="9.140625" style="273"/>
    <col min="4858" max="4858" width="9.140625" style="273" customWidth="1"/>
    <col min="4859" max="4859" width="7" style="273" customWidth="1"/>
    <col min="4860" max="4860" width="9.140625" style="273" customWidth="1"/>
    <col min="4861" max="4861" width="7.42578125" style="273" customWidth="1"/>
    <col min="4862" max="4862" width="9.140625" style="273" customWidth="1"/>
    <col min="4863" max="4863" width="7.42578125" style="273" customWidth="1"/>
    <col min="4864" max="4865" width="9.140625" style="273" customWidth="1"/>
    <col min="4866" max="4866" width="7.42578125" style="273" customWidth="1"/>
    <col min="4867" max="4867" width="9.140625" style="273" customWidth="1"/>
    <col min="4868" max="4868" width="7.85546875" style="273" customWidth="1"/>
    <col min="4869" max="4870" width="9.140625" style="273" customWidth="1"/>
    <col min="4871" max="4871" width="7.7109375" style="273" customWidth="1"/>
    <col min="4872" max="4872" width="9.140625" style="273" customWidth="1"/>
    <col min="4873" max="4873" width="7.5703125" style="273" customWidth="1"/>
    <col min="4874" max="4874" width="9.140625" style="273" customWidth="1"/>
    <col min="4875" max="4876" width="7.7109375" style="273" customWidth="1"/>
    <col min="4877" max="4877" width="8" style="273" customWidth="1"/>
    <col min="4878" max="5109" width="9.140625" style="273"/>
    <col min="5110" max="5110" width="32" style="273" customWidth="1"/>
    <col min="5111" max="5111" width="9.140625" style="273"/>
    <col min="5112" max="5112" width="9.140625" style="273" customWidth="1"/>
    <col min="5113" max="5113" width="9.140625" style="273"/>
    <col min="5114" max="5114" width="9.140625" style="273" customWidth="1"/>
    <col min="5115" max="5115" width="7" style="273" customWidth="1"/>
    <col min="5116" max="5116" width="9.140625" style="273" customWidth="1"/>
    <col min="5117" max="5117" width="7.42578125" style="273" customWidth="1"/>
    <col min="5118" max="5118" width="9.140625" style="273" customWidth="1"/>
    <col min="5119" max="5119" width="7.42578125" style="273" customWidth="1"/>
    <col min="5120" max="5121" width="9.140625" style="273" customWidth="1"/>
    <col min="5122" max="5122" width="7.42578125" style="273" customWidth="1"/>
    <col min="5123" max="5123" width="9.140625" style="273" customWidth="1"/>
    <col min="5124" max="5124" width="7.85546875" style="273" customWidth="1"/>
    <col min="5125" max="5126" width="9.140625" style="273" customWidth="1"/>
    <col min="5127" max="5127" width="7.7109375" style="273" customWidth="1"/>
    <col min="5128" max="5128" width="9.140625" style="273" customWidth="1"/>
    <col min="5129" max="5129" width="7.5703125" style="273" customWidth="1"/>
    <col min="5130" max="5130" width="9.140625" style="273" customWidth="1"/>
    <col min="5131" max="5132" width="7.7109375" style="273" customWidth="1"/>
    <col min="5133" max="5133" width="8" style="273" customWidth="1"/>
    <col min="5134" max="5365" width="9.140625" style="273"/>
    <col min="5366" max="5366" width="32" style="273" customWidth="1"/>
    <col min="5367" max="5367" width="9.140625" style="273"/>
    <col min="5368" max="5368" width="9.140625" style="273" customWidth="1"/>
    <col min="5369" max="5369" width="9.140625" style="273"/>
    <col min="5370" max="5370" width="9.140625" style="273" customWidth="1"/>
    <col min="5371" max="5371" width="7" style="273" customWidth="1"/>
    <col min="5372" max="5372" width="9.140625" style="273" customWidth="1"/>
    <col min="5373" max="5373" width="7.42578125" style="273" customWidth="1"/>
    <col min="5374" max="5374" width="9.140625" style="273" customWidth="1"/>
    <col min="5375" max="5375" width="7.42578125" style="273" customWidth="1"/>
    <col min="5376" max="5377" width="9.140625" style="273" customWidth="1"/>
    <col min="5378" max="5378" width="7.42578125" style="273" customWidth="1"/>
    <col min="5379" max="5379" width="9.140625" style="273" customWidth="1"/>
    <col min="5380" max="5380" width="7.85546875" style="273" customWidth="1"/>
    <col min="5381" max="5382" width="9.140625" style="273" customWidth="1"/>
    <col min="5383" max="5383" width="7.7109375" style="273" customWidth="1"/>
    <col min="5384" max="5384" width="9.140625" style="273" customWidth="1"/>
    <col min="5385" max="5385" width="7.5703125" style="273" customWidth="1"/>
    <col min="5386" max="5386" width="9.140625" style="273" customWidth="1"/>
    <col min="5387" max="5388" width="7.7109375" style="273" customWidth="1"/>
    <col min="5389" max="5389" width="8" style="273" customWidth="1"/>
    <col min="5390" max="5621" width="9.140625" style="273"/>
    <col min="5622" max="5622" width="32" style="273" customWidth="1"/>
    <col min="5623" max="5623" width="9.140625" style="273"/>
    <col min="5624" max="5624" width="9.140625" style="273" customWidth="1"/>
    <col min="5625" max="5625" width="9.140625" style="273"/>
    <col min="5626" max="5626" width="9.140625" style="273" customWidth="1"/>
    <col min="5627" max="5627" width="7" style="273" customWidth="1"/>
    <col min="5628" max="5628" width="9.140625" style="273" customWidth="1"/>
    <col min="5629" max="5629" width="7.42578125" style="273" customWidth="1"/>
    <col min="5630" max="5630" width="9.140625" style="273" customWidth="1"/>
    <col min="5631" max="5631" width="7.42578125" style="273" customWidth="1"/>
    <col min="5632" max="5633" width="9.140625" style="273" customWidth="1"/>
    <col min="5634" max="5634" width="7.42578125" style="273" customWidth="1"/>
    <col min="5635" max="5635" width="9.140625" style="273" customWidth="1"/>
    <col min="5636" max="5636" width="7.85546875" style="273" customWidth="1"/>
    <col min="5637" max="5638" width="9.140625" style="273" customWidth="1"/>
    <col min="5639" max="5639" width="7.7109375" style="273" customWidth="1"/>
    <col min="5640" max="5640" width="9.140625" style="273" customWidth="1"/>
    <col min="5641" max="5641" width="7.5703125" style="273" customWidth="1"/>
    <col min="5642" max="5642" width="9.140625" style="273" customWidth="1"/>
    <col min="5643" max="5644" width="7.7109375" style="273" customWidth="1"/>
    <col min="5645" max="5645" width="8" style="273" customWidth="1"/>
    <col min="5646" max="5877" width="9.140625" style="273"/>
    <col min="5878" max="5878" width="32" style="273" customWidth="1"/>
    <col min="5879" max="5879" width="9.140625" style="273"/>
    <col min="5880" max="5880" width="9.140625" style="273" customWidth="1"/>
    <col min="5881" max="5881" width="9.140625" style="273"/>
    <col min="5882" max="5882" width="9.140625" style="273" customWidth="1"/>
    <col min="5883" max="5883" width="7" style="273" customWidth="1"/>
    <col min="5884" max="5884" width="9.140625" style="273" customWidth="1"/>
    <col min="5885" max="5885" width="7.42578125" style="273" customWidth="1"/>
    <col min="5886" max="5886" width="9.140625" style="273" customWidth="1"/>
    <col min="5887" max="5887" width="7.42578125" style="273" customWidth="1"/>
    <col min="5888" max="5889" width="9.140625" style="273" customWidth="1"/>
    <col min="5890" max="5890" width="7.42578125" style="273" customWidth="1"/>
    <col min="5891" max="5891" width="9.140625" style="273" customWidth="1"/>
    <col min="5892" max="5892" width="7.85546875" style="273" customWidth="1"/>
    <col min="5893" max="5894" width="9.140625" style="273" customWidth="1"/>
    <col min="5895" max="5895" width="7.7109375" style="273" customWidth="1"/>
    <col min="5896" max="5896" width="9.140625" style="273" customWidth="1"/>
    <col min="5897" max="5897" width="7.5703125" style="273" customWidth="1"/>
    <col min="5898" max="5898" width="9.140625" style="273" customWidth="1"/>
    <col min="5899" max="5900" width="7.7109375" style="273" customWidth="1"/>
    <col min="5901" max="5901" width="8" style="273" customWidth="1"/>
    <col min="5902" max="6133" width="9.140625" style="273"/>
    <col min="6134" max="6134" width="32" style="273" customWidth="1"/>
    <col min="6135" max="6135" width="9.140625" style="273"/>
    <col min="6136" max="6136" width="9.140625" style="273" customWidth="1"/>
    <col min="6137" max="6137" width="9.140625" style="273"/>
    <col min="6138" max="6138" width="9.140625" style="273" customWidth="1"/>
    <col min="6139" max="6139" width="7" style="273" customWidth="1"/>
    <col min="6140" max="6140" width="9.140625" style="273" customWidth="1"/>
    <col min="6141" max="6141" width="7.42578125" style="273" customWidth="1"/>
    <col min="6142" max="6142" width="9.140625" style="273" customWidth="1"/>
    <col min="6143" max="6143" width="7.42578125" style="273" customWidth="1"/>
    <col min="6144" max="6145" width="9.140625" style="273" customWidth="1"/>
    <col min="6146" max="6146" width="7.42578125" style="273" customWidth="1"/>
    <col min="6147" max="6147" width="9.140625" style="273" customWidth="1"/>
    <col min="6148" max="6148" width="7.85546875" style="273" customWidth="1"/>
    <col min="6149" max="6150" width="9.140625" style="273" customWidth="1"/>
    <col min="6151" max="6151" width="7.7109375" style="273" customWidth="1"/>
    <col min="6152" max="6152" width="9.140625" style="273" customWidth="1"/>
    <col min="6153" max="6153" width="7.5703125" style="273" customWidth="1"/>
    <col min="6154" max="6154" width="9.140625" style="273" customWidth="1"/>
    <col min="6155" max="6156" width="7.7109375" style="273" customWidth="1"/>
    <col min="6157" max="6157" width="8" style="273" customWidth="1"/>
    <col min="6158" max="6389" width="9.140625" style="273"/>
    <col min="6390" max="6390" width="32" style="273" customWidth="1"/>
    <col min="6391" max="6391" width="9.140625" style="273"/>
    <col min="6392" max="6392" width="9.140625" style="273" customWidth="1"/>
    <col min="6393" max="6393" width="9.140625" style="273"/>
    <col min="6394" max="6394" width="9.140625" style="273" customWidth="1"/>
    <col min="6395" max="6395" width="7" style="273" customWidth="1"/>
    <col min="6396" max="6396" width="9.140625" style="273" customWidth="1"/>
    <col min="6397" max="6397" width="7.42578125" style="273" customWidth="1"/>
    <col min="6398" max="6398" width="9.140625" style="273" customWidth="1"/>
    <col min="6399" max="6399" width="7.42578125" style="273" customWidth="1"/>
    <col min="6400" max="6401" width="9.140625" style="273" customWidth="1"/>
    <col min="6402" max="6402" width="7.42578125" style="273" customWidth="1"/>
    <col min="6403" max="6403" width="9.140625" style="273" customWidth="1"/>
    <col min="6404" max="6404" width="7.85546875" style="273" customWidth="1"/>
    <col min="6405" max="6406" width="9.140625" style="273" customWidth="1"/>
    <col min="6407" max="6407" width="7.7109375" style="273" customWidth="1"/>
    <col min="6408" max="6408" width="9.140625" style="273" customWidth="1"/>
    <col min="6409" max="6409" width="7.5703125" style="273" customWidth="1"/>
    <col min="6410" max="6410" width="9.140625" style="273" customWidth="1"/>
    <col min="6411" max="6412" width="7.7109375" style="273" customWidth="1"/>
    <col min="6413" max="6413" width="8" style="273" customWidth="1"/>
    <col min="6414" max="6645" width="9.140625" style="273"/>
    <col min="6646" max="6646" width="32" style="273" customWidth="1"/>
    <col min="6647" max="6647" width="9.140625" style="273"/>
    <col min="6648" max="6648" width="9.140625" style="273" customWidth="1"/>
    <col min="6649" max="6649" width="9.140625" style="273"/>
    <col min="6650" max="6650" width="9.140625" style="273" customWidth="1"/>
    <col min="6651" max="6651" width="7" style="273" customWidth="1"/>
    <col min="6652" max="6652" width="9.140625" style="273" customWidth="1"/>
    <col min="6653" max="6653" width="7.42578125" style="273" customWidth="1"/>
    <col min="6654" max="6654" width="9.140625" style="273" customWidth="1"/>
    <col min="6655" max="6655" width="7.42578125" style="273" customWidth="1"/>
    <col min="6656" max="6657" width="9.140625" style="273" customWidth="1"/>
    <col min="6658" max="6658" width="7.42578125" style="273" customWidth="1"/>
    <col min="6659" max="6659" width="9.140625" style="273" customWidth="1"/>
    <col min="6660" max="6660" width="7.85546875" style="273" customWidth="1"/>
    <col min="6661" max="6662" width="9.140625" style="273" customWidth="1"/>
    <col min="6663" max="6663" width="7.7109375" style="273" customWidth="1"/>
    <col min="6664" max="6664" width="9.140625" style="273" customWidth="1"/>
    <col min="6665" max="6665" width="7.5703125" style="273" customWidth="1"/>
    <col min="6666" max="6666" width="9.140625" style="273" customWidth="1"/>
    <col min="6667" max="6668" width="7.7109375" style="273" customWidth="1"/>
    <col min="6669" max="6669" width="8" style="273" customWidth="1"/>
    <col min="6670" max="6901" width="9.140625" style="273"/>
    <col min="6902" max="6902" width="32" style="273" customWidth="1"/>
    <col min="6903" max="6903" width="9.140625" style="273"/>
    <col min="6904" max="6904" width="9.140625" style="273" customWidth="1"/>
    <col min="6905" max="6905" width="9.140625" style="273"/>
    <col min="6906" max="6906" width="9.140625" style="273" customWidth="1"/>
    <col min="6907" max="6907" width="7" style="273" customWidth="1"/>
    <col min="6908" max="6908" width="9.140625" style="273" customWidth="1"/>
    <col min="6909" max="6909" width="7.42578125" style="273" customWidth="1"/>
    <col min="6910" max="6910" width="9.140625" style="273" customWidth="1"/>
    <col min="6911" max="6911" width="7.42578125" style="273" customWidth="1"/>
    <col min="6912" max="6913" width="9.140625" style="273" customWidth="1"/>
    <col min="6914" max="6914" width="7.42578125" style="273" customWidth="1"/>
    <col min="6915" max="6915" width="9.140625" style="273" customWidth="1"/>
    <col min="6916" max="6916" width="7.85546875" style="273" customWidth="1"/>
    <col min="6917" max="6918" width="9.140625" style="273" customWidth="1"/>
    <col min="6919" max="6919" width="7.7109375" style="273" customWidth="1"/>
    <col min="6920" max="6920" width="9.140625" style="273" customWidth="1"/>
    <col min="6921" max="6921" width="7.5703125" style="273" customWidth="1"/>
    <col min="6922" max="6922" width="9.140625" style="273" customWidth="1"/>
    <col min="6923" max="6924" width="7.7109375" style="273" customWidth="1"/>
    <col min="6925" max="6925" width="8" style="273" customWidth="1"/>
    <col min="6926" max="7157" width="9.140625" style="273"/>
    <col min="7158" max="7158" width="32" style="273" customWidth="1"/>
    <col min="7159" max="7159" width="9.140625" style="273"/>
    <col min="7160" max="7160" width="9.140625" style="273" customWidth="1"/>
    <col min="7161" max="7161" width="9.140625" style="273"/>
    <col min="7162" max="7162" width="9.140625" style="273" customWidth="1"/>
    <col min="7163" max="7163" width="7" style="273" customWidth="1"/>
    <col min="7164" max="7164" width="9.140625" style="273" customWidth="1"/>
    <col min="7165" max="7165" width="7.42578125" style="273" customWidth="1"/>
    <col min="7166" max="7166" width="9.140625" style="273" customWidth="1"/>
    <col min="7167" max="7167" width="7.42578125" style="273" customWidth="1"/>
    <col min="7168" max="7169" width="9.140625" style="273" customWidth="1"/>
    <col min="7170" max="7170" width="7.42578125" style="273" customWidth="1"/>
    <col min="7171" max="7171" width="9.140625" style="273" customWidth="1"/>
    <col min="7172" max="7172" width="7.85546875" style="273" customWidth="1"/>
    <col min="7173" max="7174" width="9.140625" style="273" customWidth="1"/>
    <col min="7175" max="7175" width="7.7109375" style="273" customWidth="1"/>
    <col min="7176" max="7176" width="9.140625" style="273" customWidth="1"/>
    <col min="7177" max="7177" width="7.5703125" style="273" customWidth="1"/>
    <col min="7178" max="7178" width="9.140625" style="273" customWidth="1"/>
    <col min="7179" max="7180" width="7.7109375" style="273" customWidth="1"/>
    <col min="7181" max="7181" width="8" style="273" customWidth="1"/>
    <col min="7182" max="7413" width="9.140625" style="273"/>
    <col min="7414" max="7414" width="32" style="273" customWidth="1"/>
    <col min="7415" max="7415" width="9.140625" style="273"/>
    <col min="7416" max="7416" width="9.140625" style="273" customWidth="1"/>
    <col min="7417" max="7417" width="9.140625" style="273"/>
    <col min="7418" max="7418" width="9.140625" style="273" customWidth="1"/>
    <col min="7419" max="7419" width="7" style="273" customWidth="1"/>
    <col min="7420" max="7420" width="9.140625" style="273" customWidth="1"/>
    <col min="7421" max="7421" width="7.42578125" style="273" customWidth="1"/>
    <col min="7422" max="7422" width="9.140625" style="273" customWidth="1"/>
    <col min="7423" max="7423" width="7.42578125" style="273" customWidth="1"/>
    <col min="7424" max="7425" width="9.140625" style="273" customWidth="1"/>
    <col min="7426" max="7426" width="7.42578125" style="273" customWidth="1"/>
    <col min="7427" max="7427" width="9.140625" style="273" customWidth="1"/>
    <col min="7428" max="7428" width="7.85546875" style="273" customWidth="1"/>
    <col min="7429" max="7430" width="9.140625" style="273" customWidth="1"/>
    <col min="7431" max="7431" width="7.7109375" style="273" customWidth="1"/>
    <col min="7432" max="7432" width="9.140625" style="273" customWidth="1"/>
    <col min="7433" max="7433" width="7.5703125" style="273" customWidth="1"/>
    <col min="7434" max="7434" width="9.140625" style="273" customWidth="1"/>
    <col min="7435" max="7436" width="7.7109375" style="273" customWidth="1"/>
    <col min="7437" max="7437" width="8" style="273" customWidth="1"/>
    <col min="7438" max="7669" width="9.140625" style="273"/>
    <col min="7670" max="7670" width="32" style="273" customWidth="1"/>
    <col min="7671" max="7671" width="9.140625" style="273"/>
    <col min="7672" max="7672" width="9.140625" style="273" customWidth="1"/>
    <col min="7673" max="7673" width="9.140625" style="273"/>
    <col min="7674" max="7674" width="9.140625" style="273" customWidth="1"/>
    <col min="7675" max="7675" width="7" style="273" customWidth="1"/>
    <col min="7676" max="7676" width="9.140625" style="273" customWidth="1"/>
    <col min="7677" max="7677" width="7.42578125" style="273" customWidth="1"/>
    <col min="7678" max="7678" width="9.140625" style="273" customWidth="1"/>
    <col min="7679" max="7679" width="7.42578125" style="273" customWidth="1"/>
    <col min="7680" max="7681" width="9.140625" style="273" customWidth="1"/>
    <col min="7682" max="7682" width="7.42578125" style="273" customWidth="1"/>
    <col min="7683" max="7683" width="9.140625" style="273" customWidth="1"/>
    <col min="7684" max="7684" width="7.85546875" style="273" customWidth="1"/>
    <col min="7685" max="7686" width="9.140625" style="273" customWidth="1"/>
    <col min="7687" max="7687" width="7.7109375" style="273" customWidth="1"/>
    <col min="7688" max="7688" width="9.140625" style="273" customWidth="1"/>
    <col min="7689" max="7689" width="7.5703125" style="273" customWidth="1"/>
    <col min="7690" max="7690" width="9.140625" style="273" customWidth="1"/>
    <col min="7691" max="7692" width="7.7109375" style="273" customWidth="1"/>
    <col min="7693" max="7693" width="8" style="273" customWidth="1"/>
    <col min="7694" max="7925" width="9.140625" style="273"/>
    <col min="7926" max="7926" width="32" style="273" customWidth="1"/>
    <col min="7927" max="7927" width="9.140625" style="273"/>
    <col min="7928" max="7928" width="9.140625" style="273" customWidth="1"/>
    <col min="7929" max="7929" width="9.140625" style="273"/>
    <col min="7930" max="7930" width="9.140625" style="273" customWidth="1"/>
    <col min="7931" max="7931" width="7" style="273" customWidth="1"/>
    <col min="7932" max="7932" width="9.140625" style="273" customWidth="1"/>
    <col min="7933" max="7933" width="7.42578125" style="273" customWidth="1"/>
    <col min="7934" max="7934" width="9.140625" style="273" customWidth="1"/>
    <col min="7935" max="7935" width="7.42578125" style="273" customWidth="1"/>
    <col min="7936" max="7937" width="9.140625" style="273" customWidth="1"/>
    <col min="7938" max="7938" width="7.42578125" style="273" customWidth="1"/>
    <col min="7939" max="7939" width="9.140625" style="273" customWidth="1"/>
    <col min="7940" max="7940" width="7.85546875" style="273" customWidth="1"/>
    <col min="7941" max="7942" width="9.140625" style="273" customWidth="1"/>
    <col min="7943" max="7943" width="7.7109375" style="273" customWidth="1"/>
    <col min="7944" max="7944" width="9.140625" style="273" customWidth="1"/>
    <col min="7945" max="7945" width="7.5703125" style="273" customWidth="1"/>
    <col min="7946" max="7946" width="9.140625" style="273" customWidth="1"/>
    <col min="7947" max="7948" width="7.7109375" style="273" customWidth="1"/>
    <col min="7949" max="7949" width="8" style="273" customWidth="1"/>
    <col min="7950" max="8181" width="9.140625" style="273"/>
    <col min="8182" max="8182" width="32" style="273" customWidth="1"/>
    <col min="8183" max="8183" width="9.140625" style="273"/>
    <col min="8184" max="8184" width="9.140625" style="273" customWidth="1"/>
    <col min="8185" max="8185" width="9.140625" style="273"/>
    <col min="8186" max="8186" width="9.140625" style="273" customWidth="1"/>
    <col min="8187" max="8187" width="7" style="273" customWidth="1"/>
    <col min="8188" max="8188" width="9.140625" style="273" customWidth="1"/>
    <col min="8189" max="8189" width="7.42578125" style="273" customWidth="1"/>
    <col min="8190" max="8190" width="9.140625" style="273" customWidth="1"/>
    <col min="8191" max="8191" width="7.42578125" style="273" customWidth="1"/>
    <col min="8192" max="8193" width="9.140625" style="273" customWidth="1"/>
    <col min="8194" max="8194" width="7.42578125" style="273" customWidth="1"/>
    <col min="8195" max="8195" width="9.140625" style="273" customWidth="1"/>
    <col min="8196" max="8196" width="7.85546875" style="273" customWidth="1"/>
    <col min="8197" max="8198" width="9.140625" style="273" customWidth="1"/>
    <col min="8199" max="8199" width="7.7109375" style="273" customWidth="1"/>
    <col min="8200" max="8200" width="9.140625" style="273" customWidth="1"/>
    <col min="8201" max="8201" width="7.5703125" style="273" customWidth="1"/>
    <col min="8202" max="8202" width="9.140625" style="273" customWidth="1"/>
    <col min="8203" max="8204" width="7.7109375" style="273" customWidth="1"/>
    <col min="8205" max="8205" width="8" style="273" customWidth="1"/>
    <col min="8206" max="8437" width="9.140625" style="273"/>
    <col min="8438" max="8438" width="32" style="273" customWidth="1"/>
    <col min="8439" max="8439" width="9.140625" style="273"/>
    <col min="8440" max="8440" width="9.140625" style="273" customWidth="1"/>
    <col min="8441" max="8441" width="9.140625" style="273"/>
    <col min="8442" max="8442" width="9.140625" style="273" customWidth="1"/>
    <col min="8443" max="8443" width="7" style="273" customWidth="1"/>
    <col min="8444" max="8444" width="9.140625" style="273" customWidth="1"/>
    <col min="8445" max="8445" width="7.42578125" style="273" customWidth="1"/>
    <col min="8446" max="8446" width="9.140625" style="273" customWidth="1"/>
    <col min="8447" max="8447" width="7.42578125" style="273" customWidth="1"/>
    <col min="8448" max="8449" width="9.140625" style="273" customWidth="1"/>
    <col min="8450" max="8450" width="7.42578125" style="273" customWidth="1"/>
    <col min="8451" max="8451" width="9.140625" style="273" customWidth="1"/>
    <col min="8452" max="8452" width="7.85546875" style="273" customWidth="1"/>
    <col min="8453" max="8454" width="9.140625" style="273" customWidth="1"/>
    <col min="8455" max="8455" width="7.7109375" style="273" customWidth="1"/>
    <col min="8456" max="8456" width="9.140625" style="273" customWidth="1"/>
    <col min="8457" max="8457" width="7.5703125" style="273" customWidth="1"/>
    <col min="8458" max="8458" width="9.140625" style="273" customWidth="1"/>
    <col min="8459" max="8460" width="7.7109375" style="273" customWidth="1"/>
    <col min="8461" max="8461" width="8" style="273" customWidth="1"/>
    <col min="8462" max="8693" width="9.140625" style="273"/>
    <col min="8694" max="8694" width="32" style="273" customWidth="1"/>
    <col min="8695" max="8695" width="9.140625" style="273"/>
    <col min="8696" max="8696" width="9.140625" style="273" customWidth="1"/>
    <col min="8697" max="8697" width="9.140625" style="273"/>
    <col min="8698" max="8698" width="9.140625" style="273" customWidth="1"/>
    <col min="8699" max="8699" width="7" style="273" customWidth="1"/>
    <col min="8700" max="8700" width="9.140625" style="273" customWidth="1"/>
    <col min="8701" max="8701" width="7.42578125" style="273" customWidth="1"/>
    <col min="8702" max="8702" width="9.140625" style="273" customWidth="1"/>
    <col min="8703" max="8703" width="7.42578125" style="273" customWidth="1"/>
    <col min="8704" max="8705" width="9.140625" style="273" customWidth="1"/>
    <col min="8706" max="8706" width="7.42578125" style="273" customWidth="1"/>
    <col min="8707" max="8707" width="9.140625" style="273" customWidth="1"/>
    <col min="8708" max="8708" width="7.85546875" style="273" customWidth="1"/>
    <col min="8709" max="8710" width="9.140625" style="273" customWidth="1"/>
    <col min="8711" max="8711" width="7.7109375" style="273" customWidth="1"/>
    <col min="8712" max="8712" width="9.140625" style="273" customWidth="1"/>
    <col min="8713" max="8713" width="7.5703125" style="273" customWidth="1"/>
    <col min="8714" max="8714" width="9.140625" style="273" customWidth="1"/>
    <col min="8715" max="8716" width="7.7109375" style="273" customWidth="1"/>
    <col min="8717" max="8717" width="8" style="273" customWidth="1"/>
    <col min="8718" max="8949" width="9.140625" style="273"/>
    <col min="8950" max="8950" width="32" style="273" customWidth="1"/>
    <col min="8951" max="8951" width="9.140625" style="273"/>
    <col min="8952" max="8952" width="9.140625" style="273" customWidth="1"/>
    <col min="8953" max="8953" width="9.140625" style="273"/>
    <col min="8954" max="8954" width="9.140625" style="273" customWidth="1"/>
    <col min="8955" max="8955" width="7" style="273" customWidth="1"/>
    <col min="8956" max="8956" width="9.140625" style="273" customWidth="1"/>
    <col min="8957" max="8957" width="7.42578125" style="273" customWidth="1"/>
    <col min="8958" max="8958" width="9.140625" style="273" customWidth="1"/>
    <col min="8959" max="8959" width="7.42578125" style="273" customWidth="1"/>
    <col min="8960" max="8961" width="9.140625" style="273" customWidth="1"/>
    <col min="8962" max="8962" width="7.42578125" style="273" customWidth="1"/>
    <col min="8963" max="8963" width="9.140625" style="273" customWidth="1"/>
    <col min="8964" max="8964" width="7.85546875" style="273" customWidth="1"/>
    <col min="8965" max="8966" width="9.140625" style="273" customWidth="1"/>
    <col min="8967" max="8967" width="7.7109375" style="273" customWidth="1"/>
    <col min="8968" max="8968" width="9.140625" style="273" customWidth="1"/>
    <col min="8969" max="8969" width="7.5703125" style="273" customWidth="1"/>
    <col min="8970" max="8970" width="9.140625" style="273" customWidth="1"/>
    <col min="8971" max="8972" width="7.7109375" style="273" customWidth="1"/>
    <col min="8973" max="8973" width="8" style="273" customWidth="1"/>
    <col min="8974" max="9205" width="9.140625" style="273"/>
    <col min="9206" max="9206" width="32" style="273" customWidth="1"/>
    <col min="9207" max="9207" width="9.140625" style="273"/>
    <col min="9208" max="9208" width="9.140625" style="273" customWidth="1"/>
    <col min="9209" max="9209" width="9.140625" style="273"/>
    <col min="9210" max="9210" width="9.140625" style="273" customWidth="1"/>
    <col min="9211" max="9211" width="7" style="273" customWidth="1"/>
    <col min="9212" max="9212" width="9.140625" style="273" customWidth="1"/>
    <col min="9213" max="9213" width="7.42578125" style="273" customWidth="1"/>
    <col min="9214" max="9214" width="9.140625" style="273" customWidth="1"/>
    <col min="9215" max="9215" width="7.42578125" style="273" customWidth="1"/>
    <col min="9216" max="9217" width="9.140625" style="273" customWidth="1"/>
    <col min="9218" max="9218" width="7.42578125" style="273" customWidth="1"/>
    <col min="9219" max="9219" width="9.140625" style="273" customWidth="1"/>
    <col min="9220" max="9220" width="7.85546875" style="273" customWidth="1"/>
    <col min="9221" max="9222" width="9.140625" style="273" customWidth="1"/>
    <col min="9223" max="9223" width="7.7109375" style="273" customWidth="1"/>
    <col min="9224" max="9224" width="9.140625" style="273" customWidth="1"/>
    <col min="9225" max="9225" width="7.5703125" style="273" customWidth="1"/>
    <col min="9226" max="9226" width="9.140625" style="273" customWidth="1"/>
    <col min="9227" max="9228" width="7.7109375" style="273" customWidth="1"/>
    <col min="9229" max="9229" width="8" style="273" customWidth="1"/>
    <col min="9230" max="9461" width="9.140625" style="273"/>
    <col min="9462" max="9462" width="32" style="273" customWidth="1"/>
    <col min="9463" max="9463" width="9.140625" style="273"/>
    <col min="9464" max="9464" width="9.140625" style="273" customWidth="1"/>
    <col min="9465" max="9465" width="9.140625" style="273"/>
    <col min="9466" max="9466" width="9.140625" style="273" customWidth="1"/>
    <col min="9467" max="9467" width="7" style="273" customWidth="1"/>
    <col min="9468" max="9468" width="9.140625" style="273" customWidth="1"/>
    <col min="9469" max="9469" width="7.42578125" style="273" customWidth="1"/>
    <col min="9470" max="9470" width="9.140625" style="273" customWidth="1"/>
    <col min="9471" max="9471" width="7.42578125" style="273" customWidth="1"/>
    <col min="9472" max="9473" width="9.140625" style="273" customWidth="1"/>
    <col min="9474" max="9474" width="7.42578125" style="273" customWidth="1"/>
    <col min="9475" max="9475" width="9.140625" style="273" customWidth="1"/>
    <col min="9476" max="9476" width="7.85546875" style="273" customWidth="1"/>
    <col min="9477" max="9478" width="9.140625" style="273" customWidth="1"/>
    <col min="9479" max="9479" width="7.7109375" style="273" customWidth="1"/>
    <col min="9480" max="9480" width="9.140625" style="273" customWidth="1"/>
    <col min="9481" max="9481" width="7.5703125" style="273" customWidth="1"/>
    <col min="9482" max="9482" width="9.140625" style="273" customWidth="1"/>
    <col min="9483" max="9484" width="7.7109375" style="273" customWidth="1"/>
    <col min="9485" max="9485" width="8" style="273" customWidth="1"/>
    <col min="9486" max="9717" width="9.140625" style="273"/>
    <col min="9718" max="9718" width="32" style="273" customWidth="1"/>
    <col min="9719" max="9719" width="9.140625" style="273"/>
    <col min="9720" max="9720" width="9.140625" style="273" customWidth="1"/>
    <col min="9721" max="9721" width="9.140625" style="273"/>
    <col min="9722" max="9722" width="9.140625" style="273" customWidth="1"/>
    <col min="9723" max="9723" width="7" style="273" customWidth="1"/>
    <col min="9724" max="9724" width="9.140625" style="273" customWidth="1"/>
    <col min="9725" max="9725" width="7.42578125" style="273" customWidth="1"/>
    <col min="9726" max="9726" width="9.140625" style="273" customWidth="1"/>
    <col min="9727" max="9727" width="7.42578125" style="273" customWidth="1"/>
    <col min="9728" max="9729" width="9.140625" style="273" customWidth="1"/>
    <col min="9730" max="9730" width="7.42578125" style="273" customWidth="1"/>
    <col min="9731" max="9731" width="9.140625" style="273" customWidth="1"/>
    <col min="9732" max="9732" width="7.85546875" style="273" customWidth="1"/>
    <col min="9733" max="9734" width="9.140625" style="273" customWidth="1"/>
    <col min="9735" max="9735" width="7.7109375" style="273" customWidth="1"/>
    <col min="9736" max="9736" width="9.140625" style="273" customWidth="1"/>
    <col min="9737" max="9737" width="7.5703125" style="273" customWidth="1"/>
    <col min="9738" max="9738" width="9.140625" style="273" customWidth="1"/>
    <col min="9739" max="9740" width="7.7109375" style="273" customWidth="1"/>
    <col min="9741" max="9741" width="8" style="273" customWidth="1"/>
    <col min="9742" max="9973" width="9.140625" style="273"/>
    <col min="9974" max="9974" width="32" style="273" customWidth="1"/>
    <col min="9975" max="9975" width="9.140625" style="273"/>
    <col min="9976" max="9976" width="9.140625" style="273" customWidth="1"/>
    <col min="9977" max="9977" width="9.140625" style="273"/>
    <col min="9978" max="9978" width="9.140625" style="273" customWidth="1"/>
    <col min="9979" max="9979" width="7" style="273" customWidth="1"/>
    <col min="9980" max="9980" width="9.140625" style="273" customWidth="1"/>
    <col min="9981" max="9981" width="7.42578125" style="273" customWidth="1"/>
    <col min="9982" max="9982" width="9.140625" style="273" customWidth="1"/>
    <col min="9983" max="9983" width="7.42578125" style="273" customWidth="1"/>
    <col min="9984" max="9985" width="9.140625" style="273" customWidth="1"/>
    <col min="9986" max="9986" width="7.42578125" style="273" customWidth="1"/>
    <col min="9987" max="9987" width="9.140625" style="273" customWidth="1"/>
    <col min="9988" max="9988" width="7.85546875" style="273" customWidth="1"/>
    <col min="9989" max="9990" width="9.140625" style="273" customWidth="1"/>
    <col min="9991" max="9991" width="7.7109375" style="273" customWidth="1"/>
    <col min="9992" max="9992" width="9.140625" style="273" customWidth="1"/>
    <col min="9993" max="9993" width="7.5703125" style="273" customWidth="1"/>
    <col min="9994" max="9994" width="9.140625" style="273" customWidth="1"/>
    <col min="9995" max="9996" width="7.7109375" style="273" customWidth="1"/>
    <col min="9997" max="9997" width="8" style="273" customWidth="1"/>
    <col min="9998" max="10229" width="9.140625" style="273"/>
    <col min="10230" max="10230" width="32" style="273" customWidth="1"/>
    <col min="10231" max="10231" width="9.140625" style="273"/>
    <col min="10232" max="10232" width="9.140625" style="273" customWidth="1"/>
    <col min="10233" max="10233" width="9.140625" style="273"/>
    <col min="10234" max="10234" width="9.140625" style="273" customWidth="1"/>
    <col min="10235" max="10235" width="7" style="273" customWidth="1"/>
    <col min="10236" max="10236" width="9.140625" style="273" customWidth="1"/>
    <col min="10237" max="10237" width="7.42578125" style="273" customWidth="1"/>
    <col min="10238" max="10238" width="9.140625" style="273" customWidth="1"/>
    <col min="10239" max="10239" width="7.42578125" style="273" customWidth="1"/>
    <col min="10240" max="10241" width="9.140625" style="273" customWidth="1"/>
    <col min="10242" max="10242" width="7.42578125" style="273" customWidth="1"/>
    <col min="10243" max="10243" width="9.140625" style="273" customWidth="1"/>
    <col min="10244" max="10244" width="7.85546875" style="273" customWidth="1"/>
    <col min="10245" max="10246" width="9.140625" style="273" customWidth="1"/>
    <col min="10247" max="10247" width="7.7109375" style="273" customWidth="1"/>
    <col min="10248" max="10248" width="9.140625" style="273" customWidth="1"/>
    <col min="10249" max="10249" width="7.5703125" style="273" customWidth="1"/>
    <col min="10250" max="10250" width="9.140625" style="273" customWidth="1"/>
    <col min="10251" max="10252" width="7.7109375" style="273" customWidth="1"/>
    <col min="10253" max="10253" width="8" style="273" customWidth="1"/>
    <col min="10254" max="10485" width="9.140625" style="273"/>
    <col min="10486" max="10486" width="32" style="273" customWidth="1"/>
    <col min="10487" max="10487" width="9.140625" style="273"/>
    <col min="10488" max="10488" width="9.140625" style="273" customWidth="1"/>
    <col min="10489" max="10489" width="9.140625" style="273"/>
    <col min="10490" max="10490" width="9.140625" style="273" customWidth="1"/>
    <col min="10491" max="10491" width="7" style="273" customWidth="1"/>
    <col min="10492" max="10492" width="9.140625" style="273" customWidth="1"/>
    <col min="10493" max="10493" width="7.42578125" style="273" customWidth="1"/>
    <col min="10494" max="10494" width="9.140625" style="273" customWidth="1"/>
    <col min="10495" max="10495" width="7.42578125" style="273" customWidth="1"/>
    <col min="10496" max="10497" width="9.140625" style="273" customWidth="1"/>
    <col min="10498" max="10498" width="7.42578125" style="273" customWidth="1"/>
    <col min="10499" max="10499" width="9.140625" style="273" customWidth="1"/>
    <col min="10500" max="10500" width="7.85546875" style="273" customWidth="1"/>
    <col min="10501" max="10502" width="9.140625" style="273" customWidth="1"/>
    <col min="10503" max="10503" width="7.7109375" style="273" customWidth="1"/>
    <col min="10504" max="10504" width="9.140625" style="273" customWidth="1"/>
    <col min="10505" max="10505" width="7.5703125" style="273" customWidth="1"/>
    <col min="10506" max="10506" width="9.140625" style="273" customWidth="1"/>
    <col min="10507" max="10508" width="7.7109375" style="273" customWidth="1"/>
    <col min="10509" max="10509" width="8" style="273" customWidth="1"/>
    <col min="10510" max="10741" width="9.140625" style="273"/>
    <col min="10742" max="10742" width="32" style="273" customWidth="1"/>
    <col min="10743" max="10743" width="9.140625" style="273"/>
    <col min="10744" max="10744" width="9.140625" style="273" customWidth="1"/>
    <col min="10745" max="10745" width="9.140625" style="273"/>
    <col min="10746" max="10746" width="9.140625" style="273" customWidth="1"/>
    <col min="10747" max="10747" width="7" style="273" customWidth="1"/>
    <col min="10748" max="10748" width="9.140625" style="273" customWidth="1"/>
    <col min="10749" max="10749" width="7.42578125" style="273" customWidth="1"/>
    <col min="10750" max="10750" width="9.140625" style="273" customWidth="1"/>
    <col min="10751" max="10751" width="7.42578125" style="273" customWidth="1"/>
    <col min="10752" max="10753" width="9.140625" style="273" customWidth="1"/>
    <col min="10754" max="10754" width="7.42578125" style="273" customWidth="1"/>
    <col min="10755" max="10755" width="9.140625" style="273" customWidth="1"/>
    <col min="10756" max="10756" width="7.85546875" style="273" customWidth="1"/>
    <col min="10757" max="10758" width="9.140625" style="273" customWidth="1"/>
    <col min="10759" max="10759" width="7.7109375" style="273" customWidth="1"/>
    <col min="10760" max="10760" width="9.140625" style="273" customWidth="1"/>
    <col min="10761" max="10761" width="7.5703125" style="273" customWidth="1"/>
    <col min="10762" max="10762" width="9.140625" style="273" customWidth="1"/>
    <col min="10763" max="10764" width="7.7109375" style="273" customWidth="1"/>
    <col min="10765" max="10765" width="8" style="273" customWidth="1"/>
    <col min="10766" max="10997" width="9.140625" style="273"/>
    <col min="10998" max="10998" width="32" style="273" customWidth="1"/>
    <col min="10999" max="10999" width="9.140625" style="273"/>
    <col min="11000" max="11000" width="9.140625" style="273" customWidth="1"/>
    <col min="11001" max="11001" width="9.140625" style="273"/>
    <col min="11002" max="11002" width="9.140625" style="273" customWidth="1"/>
    <col min="11003" max="11003" width="7" style="273" customWidth="1"/>
    <col min="11004" max="11004" width="9.140625" style="273" customWidth="1"/>
    <col min="11005" max="11005" width="7.42578125" style="273" customWidth="1"/>
    <col min="11006" max="11006" width="9.140625" style="273" customWidth="1"/>
    <col min="11007" max="11007" width="7.42578125" style="273" customWidth="1"/>
    <col min="11008" max="11009" width="9.140625" style="273" customWidth="1"/>
    <col min="11010" max="11010" width="7.42578125" style="273" customWidth="1"/>
    <col min="11011" max="11011" width="9.140625" style="273" customWidth="1"/>
    <col min="11012" max="11012" width="7.85546875" style="273" customWidth="1"/>
    <col min="11013" max="11014" width="9.140625" style="273" customWidth="1"/>
    <col min="11015" max="11015" width="7.7109375" style="273" customWidth="1"/>
    <col min="11016" max="11016" width="9.140625" style="273" customWidth="1"/>
    <col min="11017" max="11017" width="7.5703125" style="273" customWidth="1"/>
    <col min="11018" max="11018" width="9.140625" style="273" customWidth="1"/>
    <col min="11019" max="11020" width="7.7109375" style="273" customWidth="1"/>
    <col min="11021" max="11021" width="8" style="273" customWidth="1"/>
    <col min="11022" max="11253" width="9.140625" style="273"/>
    <col min="11254" max="11254" width="32" style="273" customWidth="1"/>
    <col min="11255" max="11255" width="9.140625" style="273"/>
    <col min="11256" max="11256" width="9.140625" style="273" customWidth="1"/>
    <col min="11257" max="11257" width="9.140625" style="273"/>
    <col min="11258" max="11258" width="9.140625" style="273" customWidth="1"/>
    <col min="11259" max="11259" width="7" style="273" customWidth="1"/>
    <col min="11260" max="11260" width="9.140625" style="273" customWidth="1"/>
    <col min="11261" max="11261" width="7.42578125" style="273" customWidth="1"/>
    <col min="11262" max="11262" width="9.140625" style="273" customWidth="1"/>
    <col min="11263" max="11263" width="7.42578125" style="273" customWidth="1"/>
    <col min="11264" max="11265" width="9.140625" style="273" customWidth="1"/>
    <col min="11266" max="11266" width="7.42578125" style="273" customWidth="1"/>
    <col min="11267" max="11267" width="9.140625" style="273" customWidth="1"/>
    <col min="11268" max="11268" width="7.85546875" style="273" customWidth="1"/>
    <col min="11269" max="11270" width="9.140625" style="273" customWidth="1"/>
    <col min="11271" max="11271" width="7.7109375" style="273" customWidth="1"/>
    <col min="11272" max="11272" width="9.140625" style="273" customWidth="1"/>
    <col min="11273" max="11273" width="7.5703125" style="273" customWidth="1"/>
    <col min="11274" max="11274" width="9.140625" style="273" customWidth="1"/>
    <col min="11275" max="11276" width="7.7109375" style="273" customWidth="1"/>
    <col min="11277" max="11277" width="8" style="273" customWidth="1"/>
    <col min="11278" max="11509" width="9.140625" style="273"/>
    <col min="11510" max="11510" width="32" style="273" customWidth="1"/>
    <col min="11511" max="11511" width="9.140625" style="273"/>
    <col min="11512" max="11512" width="9.140625" style="273" customWidth="1"/>
    <col min="11513" max="11513" width="9.140625" style="273"/>
    <col min="11514" max="11514" width="9.140625" style="273" customWidth="1"/>
    <col min="11515" max="11515" width="7" style="273" customWidth="1"/>
    <col min="11516" max="11516" width="9.140625" style="273" customWidth="1"/>
    <col min="11517" max="11517" width="7.42578125" style="273" customWidth="1"/>
    <col min="11518" max="11518" width="9.140625" style="273" customWidth="1"/>
    <col min="11519" max="11519" width="7.42578125" style="273" customWidth="1"/>
    <col min="11520" max="11521" width="9.140625" style="273" customWidth="1"/>
    <col min="11522" max="11522" width="7.42578125" style="273" customWidth="1"/>
    <col min="11523" max="11523" width="9.140625" style="273" customWidth="1"/>
    <col min="11524" max="11524" width="7.85546875" style="273" customWidth="1"/>
    <col min="11525" max="11526" width="9.140625" style="273" customWidth="1"/>
    <col min="11527" max="11527" width="7.7109375" style="273" customWidth="1"/>
    <col min="11528" max="11528" width="9.140625" style="273" customWidth="1"/>
    <col min="11529" max="11529" width="7.5703125" style="273" customWidth="1"/>
    <col min="11530" max="11530" width="9.140625" style="273" customWidth="1"/>
    <col min="11531" max="11532" width="7.7109375" style="273" customWidth="1"/>
    <col min="11533" max="11533" width="8" style="273" customWidth="1"/>
    <col min="11534" max="11765" width="9.140625" style="273"/>
    <col min="11766" max="11766" width="32" style="273" customWidth="1"/>
    <col min="11767" max="11767" width="9.140625" style="273"/>
    <col min="11768" max="11768" width="9.140625" style="273" customWidth="1"/>
    <col min="11769" max="11769" width="9.140625" style="273"/>
    <col min="11770" max="11770" width="9.140625" style="273" customWidth="1"/>
    <col min="11771" max="11771" width="7" style="273" customWidth="1"/>
    <col min="11772" max="11772" width="9.140625" style="273" customWidth="1"/>
    <col min="11773" max="11773" width="7.42578125" style="273" customWidth="1"/>
    <col min="11774" max="11774" width="9.140625" style="273" customWidth="1"/>
    <col min="11775" max="11775" width="7.42578125" style="273" customWidth="1"/>
    <col min="11776" max="11777" width="9.140625" style="273" customWidth="1"/>
    <col min="11778" max="11778" width="7.42578125" style="273" customWidth="1"/>
    <col min="11779" max="11779" width="9.140625" style="273" customWidth="1"/>
    <col min="11780" max="11780" width="7.85546875" style="273" customWidth="1"/>
    <col min="11781" max="11782" width="9.140625" style="273" customWidth="1"/>
    <col min="11783" max="11783" width="7.7109375" style="273" customWidth="1"/>
    <col min="11784" max="11784" width="9.140625" style="273" customWidth="1"/>
    <col min="11785" max="11785" width="7.5703125" style="273" customWidth="1"/>
    <col min="11786" max="11786" width="9.140625" style="273" customWidth="1"/>
    <col min="11787" max="11788" width="7.7109375" style="273" customWidth="1"/>
    <col min="11789" max="11789" width="8" style="273" customWidth="1"/>
    <col min="11790" max="12021" width="9.140625" style="273"/>
    <col min="12022" max="12022" width="32" style="273" customWidth="1"/>
    <col min="12023" max="12023" width="9.140625" style="273"/>
    <col min="12024" max="12024" width="9.140625" style="273" customWidth="1"/>
    <col min="12025" max="12025" width="9.140625" style="273"/>
    <col min="12026" max="12026" width="9.140625" style="273" customWidth="1"/>
    <col min="12027" max="12027" width="7" style="273" customWidth="1"/>
    <col min="12028" max="12028" width="9.140625" style="273" customWidth="1"/>
    <col min="12029" max="12029" width="7.42578125" style="273" customWidth="1"/>
    <col min="12030" max="12030" width="9.140625" style="273" customWidth="1"/>
    <col min="12031" max="12031" width="7.42578125" style="273" customWidth="1"/>
    <col min="12032" max="12033" width="9.140625" style="273" customWidth="1"/>
    <col min="12034" max="12034" width="7.42578125" style="273" customWidth="1"/>
    <col min="12035" max="12035" width="9.140625" style="273" customWidth="1"/>
    <col min="12036" max="12036" width="7.85546875" style="273" customWidth="1"/>
    <col min="12037" max="12038" width="9.140625" style="273" customWidth="1"/>
    <col min="12039" max="12039" width="7.7109375" style="273" customWidth="1"/>
    <col min="12040" max="12040" width="9.140625" style="273" customWidth="1"/>
    <col min="12041" max="12041" width="7.5703125" style="273" customWidth="1"/>
    <col min="12042" max="12042" width="9.140625" style="273" customWidth="1"/>
    <col min="12043" max="12044" width="7.7109375" style="273" customWidth="1"/>
    <col min="12045" max="12045" width="8" style="273" customWidth="1"/>
    <col min="12046" max="12277" width="9.140625" style="273"/>
    <col min="12278" max="12278" width="32" style="273" customWidth="1"/>
    <col min="12279" max="12279" width="9.140625" style="273"/>
    <col min="12280" max="12280" width="9.140625" style="273" customWidth="1"/>
    <col min="12281" max="12281" width="9.140625" style="273"/>
    <col min="12282" max="12282" width="9.140625" style="273" customWidth="1"/>
    <col min="12283" max="12283" width="7" style="273" customWidth="1"/>
    <col min="12284" max="12284" width="9.140625" style="273" customWidth="1"/>
    <col min="12285" max="12285" width="7.42578125" style="273" customWidth="1"/>
    <col min="12286" max="12286" width="9.140625" style="273" customWidth="1"/>
    <col min="12287" max="12287" width="7.42578125" style="273" customWidth="1"/>
    <col min="12288" max="12289" width="9.140625" style="273" customWidth="1"/>
    <col min="12290" max="12290" width="7.42578125" style="273" customWidth="1"/>
    <col min="12291" max="12291" width="9.140625" style="273" customWidth="1"/>
    <col min="12292" max="12292" width="7.85546875" style="273" customWidth="1"/>
    <col min="12293" max="12294" width="9.140625" style="273" customWidth="1"/>
    <col min="12295" max="12295" width="7.7109375" style="273" customWidth="1"/>
    <col min="12296" max="12296" width="9.140625" style="273" customWidth="1"/>
    <col min="12297" max="12297" width="7.5703125" style="273" customWidth="1"/>
    <col min="12298" max="12298" width="9.140625" style="273" customWidth="1"/>
    <col min="12299" max="12300" width="7.7109375" style="273" customWidth="1"/>
    <col min="12301" max="12301" width="8" style="273" customWidth="1"/>
    <col min="12302" max="12533" width="9.140625" style="273"/>
    <col min="12534" max="12534" width="32" style="273" customWidth="1"/>
    <col min="12535" max="12535" width="9.140625" style="273"/>
    <col min="12536" max="12536" width="9.140625" style="273" customWidth="1"/>
    <col min="12537" max="12537" width="9.140625" style="273"/>
    <col min="12538" max="12538" width="9.140625" style="273" customWidth="1"/>
    <col min="12539" max="12539" width="7" style="273" customWidth="1"/>
    <col min="12540" max="12540" width="9.140625" style="273" customWidth="1"/>
    <col min="12541" max="12541" width="7.42578125" style="273" customWidth="1"/>
    <col min="12542" max="12542" width="9.140625" style="273" customWidth="1"/>
    <col min="12543" max="12543" width="7.42578125" style="273" customWidth="1"/>
    <col min="12544" max="12545" width="9.140625" style="273" customWidth="1"/>
    <col min="12546" max="12546" width="7.42578125" style="273" customWidth="1"/>
    <col min="12547" max="12547" width="9.140625" style="273" customWidth="1"/>
    <col min="12548" max="12548" width="7.85546875" style="273" customWidth="1"/>
    <col min="12549" max="12550" width="9.140625" style="273" customWidth="1"/>
    <col min="12551" max="12551" width="7.7109375" style="273" customWidth="1"/>
    <col min="12552" max="12552" width="9.140625" style="273" customWidth="1"/>
    <col min="12553" max="12553" width="7.5703125" style="273" customWidth="1"/>
    <col min="12554" max="12554" width="9.140625" style="273" customWidth="1"/>
    <col min="12555" max="12556" width="7.7109375" style="273" customWidth="1"/>
    <col min="12557" max="12557" width="8" style="273" customWidth="1"/>
    <col min="12558" max="12789" width="9.140625" style="273"/>
    <col min="12790" max="12790" width="32" style="273" customWidth="1"/>
    <col min="12791" max="12791" width="9.140625" style="273"/>
    <col min="12792" max="12792" width="9.140625" style="273" customWidth="1"/>
    <col min="12793" max="12793" width="9.140625" style="273"/>
    <col min="12794" max="12794" width="9.140625" style="273" customWidth="1"/>
    <col min="12795" max="12795" width="7" style="273" customWidth="1"/>
    <col min="12796" max="12796" width="9.140625" style="273" customWidth="1"/>
    <col min="12797" max="12797" width="7.42578125" style="273" customWidth="1"/>
    <col min="12798" max="12798" width="9.140625" style="273" customWidth="1"/>
    <col min="12799" max="12799" width="7.42578125" style="273" customWidth="1"/>
    <col min="12800" max="12801" width="9.140625" style="273" customWidth="1"/>
    <col min="12802" max="12802" width="7.42578125" style="273" customWidth="1"/>
    <col min="12803" max="12803" width="9.140625" style="273" customWidth="1"/>
    <col min="12804" max="12804" width="7.85546875" style="273" customWidth="1"/>
    <col min="12805" max="12806" width="9.140625" style="273" customWidth="1"/>
    <col min="12807" max="12807" width="7.7109375" style="273" customWidth="1"/>
    <col min="12808" max="12808" width="9.140625" style="273" customWidth="1"/>
    <col min="12809" max="12809" width="7.5703125" style="273" customWidth="1"/>
    <col min="12810" max="12810" width="9.140625" style="273" customWidth="1"/>
    <col min="12811" max="12812" width="7.7109375" style="273" customWidth="1"/>
    <col min="12813" max="12813" width="8" style="273" customWidth="1"/>
    <col min="12814" max="13045" width="9.140625" style="273"/>
    <col min="13046" max="13046" width="32" style="273" customWidth="1"/>
    <col min="13047" max="13047" width="9.140625" style="273"/>
    <col min="13048" max="13048" width="9.140625" style="273" customWidth="1"/>
    <col min="13049" max="13049" width="9.140625" style="273"/>
    <col min="13050" max="13050" width="9.140625" style="273" customWidth="1"/>
    <col min="13051" max="13051" width="7" style="273" customWidth="1"/>
    <col min="13052" max="13052" width="9.140625" style="273" customWidth="1"/>
    <col min="13053" max="13053" width="7.42578125" style="273" customWidth="1"/>
    <col min="13054" max="13054" width="9.140625" style="273" customWidth="1"/>
    <col min="13055" max="13055" width="7.42578125" style="273" customWidth="1"/>
    <col min="13056" max="13057" width="9.140625" style="273" customWidth="1"/>
    <col min="13058" max="13058" width="7.42578125" style="273" customWidth="1"/>
    <col min="13059" max="13059" width="9.140625" style="273" customWidth="1"/>
    <col min="13060" max="13060" width="7.85546875" style="273" customWidth="1"/>
    <col min="13061" max="13062" width="9.140625" style="273" customWidth="1"/>
    <col min="13063" max="13063" width="7.7109375" style="273" customWidth="1"/>
    <col min="13064" max="13064" width="9.140625" style="273" customWidth="1"/>
    <col min="13065" max="13065" width="7.5703125" style="273" customWidth="1"/>
    <col min="13066" max="13066" width="9.140625" style="273" customWidth="1"/>
    <col min="13067" max="13068" width="7.7109375" style="273" customWidth="1"/>
    <col min="13069" max="13069" width="8" style="273" customWidth="1"/>
    <col min="13070" max="13301" width="9.140625" style="273"/>
    <col min="13302" max="13302" width="32" style="273" customWidth="1"/>
    <col min="13303" max="13303" width="9.140625" style="273"/>
    <col min="13304" max="13304" width="9.140625" style="273" customWidth="1"/>
    <col min="13305" max="13305" width="9.140625" style="273"/>
    <col min="13306" max="13306" width="9.140625" style="273" customWidth="1"/>
    <col min="13307" max="13307" width="7" style="273" customWidth="1"/>
    <col min="13308" max="13308" width="9.140625" style="273" customWidth="1"/>
    <col min="13309" max="13309" width="7.42578125" style="273" customWidth="1"/>
    <col min="13310" max="13310" width="9.140625" style="273" customWidth="1"/>
    <col min="13311" max="13311" width="7.42578125" style="273" customWidth="1"/>
    <col min="13312" max="13313" width="9.140625" style="273" customWidth="1"/>
    <col min="13314" max="13314" width="7.42578125" style="273" customWidth="1"/>
    <col min="13315" max="13315" width="9.140625" style="273" customWidth="1"/>
    <col min="13316" max="13316" width="7.85546875" style="273" customWidth="1"/>
    <col min="13317" max="13318" width="9.140625" style="273" customWidth="1"/>
    <col min="13319" max="13319" width="7.7109375" style="273" customWidth="1"/>
    <col min="13320" max="13320" width="9.140625" style="273" customWidth="1"/>
    <col min="13321" max="13321" width="7.5703125" style="273" customWidth="1"/>
    <col min="13322" max="13322" width="9.140625" style="273" customWidth="1"/>
    <col min="13323" max="13324" width="7.7109375" style="273" customWidth="1"/>
    <col min="13325" max="13325" width="8" style="273" customWidth="1"/>
    <col min="13326" max="13557" width="9.140625" style="273"/>
    <col min="13558" max="13558" width="32" style="273" customWidth="1"/>
    <col min="13559" max="13559" width="9.140625" style="273"/>
    <col min="13560" max="13560" width="9.140625" style="273" customWidth="1"/>
    <col min="13561" max="13561" width="9.140625" style="273"/>
    <col min="13562" max="13562" width="9.140625" style="273" customWidth="1"/>
    <col min="13563" max="13563" width="7" style="273" customWidth="1"/>
    <col min="13564" max="13564" width="9.140625" style="273" customWidth="1"/>
    <col min="13565" max="13565" width="7.42578125" style="273" customWidth="1"/>
    <col min="13566" max="13566" width="9.140625" style="273" customWidth="1"/>
    <col min="13567" max="13567" width="7.42578125" style="273" customWidth="1"/>
    <col min="13568" max="13569" width="9.140625" style="273" customWidth="1"/>
    <col min="13570" max="13570" width="7.42578125" style="273" customWidth="1"/>
    <col min="13571" max="13571" width="9.140625" style="273" customWidth="1"/>
    <col min="13572" max="13572" width="7.85546875" style="273" customWidth="1"/>
    <col min="13573" max="13574" width="9.140625" style="273" customWidth="1"/>
    <col min="13575" max="13575" width="7.7109375" style="273" customWidth="1"/>
    <col min="13576" max="13576" width="9.140625" style="273" customWidth="1"/>
    <col min="13577" max="13577" width="7.5703125" style="273" customWidth="1"/>
    <col min="13578" max="13578" width="9.140625" style="273" customWidth="1"/>
    <col min="13579" max="13580" width="7.7109375" style="273" customWidth="1"/>
    <col min="13581" max="13581" width="8" style="273" customWidth="1"/>
    <col min="13582" max="13813" width="9.140625" style="273"/>
    <col min="13814" max="13814" width="32" style="273" customWidth="1"/>
    <col min="13815" max="13815" width="9.140625" style="273"/>
    <col min="13816" max="13816" width="9.140625" style="273" customWidth="1"/>
    <col min="13817" max="13817" width="9.140625" style="273"/>
    <col min="13818" max="13818" width="9.140625" style="273" customWidth="1"/>
    <col min="13819" max="13819" width="7" style="273" customWidth="1"/>
    <col min="13820" max="13820" width="9.140625" style="273" customWidth="1"/>
    <col min="13821" max="13821" width="7.42578125" style="273" customWidth="1"/>
    <col min="13822" max="13822" width="9.140625" style="273" customWidth="1"/>
    <col min="13823" max="13823" width="7.42578125" style="273" customWidth="1"/>
    <col min="13824" max="13825" width="9.140625" style="273" customWidth="1"/>
    <col min="13826" max="13826" width="7.42578125" style="273" customWidth="1"/>
    <col min="13827" max="13827" width="9.140625" style="273" customWidth="1"/>
    <col min="13828" max="13828" width="7.85546875" style="273" customWidth="1"/>
    <col min="13829" max="13830" width="9.140625" style="273" customWidth="1"/>
    <col min="13831" max="13831" width="7.7109375" style="273" customWidth="1"/>
    <col min="13832" max="13832" width="9.140625" style="273" customWidth="1"/>
    <col min="13833" max="13833" width="7.5703125" style="273" customWidth="1"/>
    <col min="13834" max="13834" width="9.140625" style="273" customWidth="1"/>
    <col min="13835" max="13836" width="7.7109375" style="273" customWidth="1"/>
    <col min="13837" max="13837" width="8" style="273" customWidth="1"/>
    <col min="13838" max="14069" width="9.140625" style="273"/>
    <col min="14070" max="14070" width="32" style="273" customWidth="1"/>
    <col min="14071" max="14071" width="9.140625" style="273"/>
    <col min="14072" max="14072" width="9.140625" style="273" customWidth="1"/>
    <col min="14073" max="14073" width="9.140625" style="273"/>
    <col min="14074" max="14074" width="9.140625" style="273" customWidth="1"/>
    <col min="14075" max="14075" width="7" style="273" customWidth="1"/>
    <col min="14076" max="14076" width="9.140625" style="273" customWidth="1"/>
    <col min="14077" max="14077" width="7.42578125" style="273" customWidth="1"/>
    <col min="14078" max="14078" width="9.140625" style="273" customWidth="1"/>
    <col min="14079" max="14079" width="7.42578125" style="273" customWidth="1"/>
    <col min="14080" max="14081" width="9.140625" style="273" customWidth="1"/>
    <col min="14082" max="14082" width="7.42578125" style="273" customWidth="1"/>
    <col min="14083" max="14083" width="9.140625" style="273" customWidth="1"/>
    <col min="14084" max="14084" width="7.85546875" style="273" customWidth="1"/>
    <col min="14085" max="14086" width="9.140625" style="273" customWidth="1"/>
    <col min="14087" max="14087" width="7.7109375" style="273" customWidth="1"/>
    <col min="14088" max="14088" width="9.140625" style="273" customWidth="1"/>
    <col min="14089" max="14089" width="7.5703125" style="273" customWidth="1"/>
    <col min="14090" max="14090" width="9.140625" style="273" customWidth="1"/>
    <col min="14091" max="14092" width="7.7109375" style="273" customWidth="1"/>
    <col min="14093" max="14093" width="8" style="273" customWidth="1"/>
    <col min="14094" max="14325" width="9.140625" style="273"/>
    <col min="14326" max="14326" width="32" style="273" customWidth="1"/>
    <col min="14327" max="14327" width="9.140625" style="273"/>
    <col min="14328" max="14328" width="9.140625" style="273" customWidth="1"/>
    <col min="14329" max="14329" width="9.140625" style="273"/>
    <col min="14330" max="14330" width="9.140625" style="273" customWidth="1"/>
    <col min="14331" max="14331" width="7" style="273" customWidth="1"/>
    <col min="14332" max="14332" width="9.140625" style="273" customWidth="1"/>
    <col min="14333" max="14333" width="7.42578125" style="273" customWidth="1"/>
    <col min="14334" max="14334" width="9.140625" style="273" customWidth="1"/>
    <col min="14335" max="14335" width="7.42578125" style="273" customWidth="1"/>
    <col min="14336" max="14337" width="9.140625" style="273" customWidth="1"/>
    <col min="14338" max="14338" width="7.42578125" style="273" customWidth="1"/>
    <col min="14339" max="14339" width="9.140625" style="273" customWidth="1"/>
    <col min="14340" max="14340" width="7.85546875" style="273" customWidth="1"/>
    <col min="14341" max="14342" width="9.140625" style="273" customWidth="1"/>
    <col min="14343" max="14343" width="7.7109375" style="273" customWidth="1"/>
    <col min="14344" max="14344" width="9.140625" style="273" customWidth="1"/>
    <col min="14345" max="14345" width="7.5703125" style="273" customWidth="1"/>
    <col min="14346" max="14346" width="9.140625" style="273" customWidth="1"/>
    <col min="14347" max="14348" width="7.7109375" style="273" customWidth="1"/>
    <col min="14349" max="14349" width="8" style="273" customWidth="1"/>
    <col min="14350" max="14581" width="9.140625" style="273"/>
    <col min="14582" max="14582" width="32" style="273" customWidth="1"/>
    <col min="14583" max="14583" width="9.140625" style="273"/>
    <col min="14584" max="14584" width="9.140625" style="273" customWidth="1"/>
    <col min="14585" max="14585" width="9.140625" style="273"/>
    <col min="14586" max="14586" width="9.140625" style="273" customWidth="1"/>
    <col min="14587" max="14587" width="7" style="273" customWidth="1"/>
    <col min="14588" max="14588" width="9.140625" style="273" customWidth="1"/>
    <col min="14589" max="14589" width="7.42578125" style="273" customWidth="1"/>
    <col min="14590" max="14590" width="9.140625" style="273" customWidth="1"/>
    <col min="14591" max="14591" width="7.42578125" style="273" customWidth="1"/>
    <col min="14592" max="14593" width="9.140625" style="273" customWidth="1"/>
    <col min="14594" max="14594" width="7.42578125" style="273" customWidth="1"/>
    <col min="14595" max="14595" width="9.140625" style="273" customWidth="1"/>
    <col min="14596" max="14596" width="7.85546875" style="273" customWidth="1"/>
    <col min="14597" max="14598" width="9.140625" style="273" customWidth="1"/>
    <col min="14599" max="14599" width="7.7109375" style="273" customWidth="1"/>
    <col min="14600" max="14600" width="9.140625" style="273" customWidth="1"/>
    <col min="14601" max="14601" width="7.5703125" style="273" customWidth="1"/>
    <col min="14602" max="14602" width="9.140625" style="273" customWidth="1"/>
    <col min="14603" max="14604" width="7.7109375" style="273" customWidth="1"/>
    <col min="14605" max="14605" width="8" style="273" customWidth="1"/>
    <col min="14606" max="14837" width="9.140625" style="273"/>
    <col min="14838" max="14838" width="32" style="273" customWidth="1"/>
    <col min="14839" max="14839" width="9.140625" style="273"/>
    <col min="14840" max="14840" width="9.140625" style="273" customWidth="1"/>
    <col min="14841" max="14841" width="9.140625" style="273"/>
    <col min="14842" max="14842" width="9.140625" style="273" customWidth="1"/>
    <col min="14843" max="14843" width="7" style="273" customWidth="1"/>
    <col min="14844" max="14844" width="9.140625" style="273" customWidth="1"/>
    <col min="14845" max="14845" width="7.42578125" style="273" customWidth="1"/>
    <col min="14846" max="14846" width="9.140625" style="273" customWidth="1"/>
    <col min="14847" max="14847" width="7.42578125" style="273" customWidth="1"/>
    <col min="14848" max="14849" width="9.140625" style="273" customWidth="1"/>
    <col min="14850" max="14850" width="7.42578125" style="273" customWidth="1"/>
    <col min="14851" max="14851" width="9.140625" style="273" customWidth="1"/>
    <col min="14852" max="14852" width="7.85546875" style="273" customWidth="1"/>
    <col min="14853" max="14854" width="9.140625" style="273" customWidth="1"/>
    <col min="14855" max="14855" width="7.7109375" style="273" customWidth="1"/>
    <col min="14856" max="14856" width="9.140625" style="273" customWidth="1"/>
    <col min="14857" max="14857" width="7.5703125" style="273" customWidth="1"/>
    <col min="14858" max="14858" width="9.140625" style="273" customWidth="1"/>
    <col min="14859" max="14860" width="7.7109375" style="273" customWidth="1"/>
    <col min="14861" max="14861" width="8" style="273" customWidth="1"/>
    <col min="14862" max="15093" width="9.140625" style="273"/>
    <col min="15094" max="15094" width="32" style="273" customWidth="1"/>
    <col min="15095" max="15095" width="9.140625" style="273"/>
    <col min="15096" max="15096" width="9.140625" style="273" customWidth="1"/>
    <col min="15097" max="15097" width="9.140625" style="273"/>
    <col min="15098" max="15098" width="9.140625" style="273" customWidth="1"/>
    <col min="15099" max="15099" width="7" style="273" customWidth="1"/>
    <col min="15100" max="15100" width="9.140625" style="273" customWidth="1"/>
    <col min="15101" max="15101" width="7.42578125" style="273" customWidth="1"/>
    <col min="15102" max="15102" width="9.140625" style="273" customWidth="1"/>
    <col min="15103" max="15103" width="7.42578125" style="273" customWidth="1"/>
    <col min="15104" max="15105" width="9.140625" style="273" customWidth="1"/>
    <col min="15106" max="15106" width="7.42578125" style="273" customWidth="1"/>
    <col min="15107" max="15107" width="9.140625" style="273" customWidth="1"/>
    <col min="15108" max="15108" width="7.85546875" style="273" customWidth="1"/>
    <col min="15109" max="15110" width="9.140625" style="273" customWidth="1"/>
    <col min="15111" max="15111" width="7.7109375" style="273" customWidth="1"/>
    <col min="15112" max="15112" width="9.140625" style="273" customWidth="1"/>
    <col min="15113" max="15113" width="7.5703125" style="273" customWidth="1"/>
    <col min="15114" max="15114" width="9.140625" style="273" customWidth="1"/>
    <col min="15115" max="15116" width="7.7109375" style="273" customWidth="1"/>
    <col min="15117" max="15117" width="8" style="273" customWidth="1"/>
    <col min="15118" max="15349" width="9.140625" style="273"/>
    <col min="15350" max="15350" width="32" style="273" customWidth="1"/>
    <col min="15351" max="15351" width="9.140625" style="273"/>
    <col min="15352" max="15352" width="9.140625" style="273" customWidth="1"/>
    <col min="15353" max="15353" width="9.140625" style="273"/>
    <col min="15354" max="15354" width="9.140625" style="273" customWidth="1"/>
    <col min="15355" max="15355" width="7" style="273" customWidth="1"/>
    <col min="15356" max="15356" width="9.140625" style="273" customWidth="1"/>
    <col min="15357" max="15357" width="7.42578125" style="273" customWidth="1"/>
    <col min="15358" max="15358" width="9.140625" style="273" customWidth="1"/>
    <col min="15359" max="15359" width="7.42578125" style="273" customWidth="1"/>
    <col min="15360" max="15361" width="9.140625" style="273" customWidth="1"/>
    <col min="15362" max="15362" width="7.42578125" style="273" customWidth="1"/>
    <col min="15363" max="15363" width="9.140625" style="273" customWidth="1"/>
    <col min="15364" max="15364" width="7.85546875" style="273" customWidth="1"/>
    <col min="15365" max="15366" width="9.140625" style="273" customWidth="1"/>
    <col min="15367" max="15367" width="7.7109375" style="273" customWidth="1"/>
    <col min="15368" max="15368" width="9.140625" style="273" customWidth="1"/>
    <col min="15369" max="15369" width="7.5703125" style="273" customWidth="1"/>
    <col min="15370" max="15370" width="9.140625" style="273" customWidth="1"/>
    <col min="15371" max="15372" width="7.7109375" style="273" customWidth="1"/>
    <col min="15373" max="15373" width="8" style="273" customWidth="1"/>
    <col min="15374" max="15605" width="9.140625" style="273"/>
    <col min="15606" max="15606" width="32" style="273" customWidth="1"/>
    <col min="15607" max="15607" width="9.140625" style="273"/>
    <col min="15608" max="15608" width="9.140625" style="273" customWidth="1"/>
    <col min="15609" max="15609" width="9.140625" style="273"/>
    <col min="15610" max="15610" width="9.140625" style="273" customWidth="1"/>
    <col min="15611" max="15611" width="7" style="273" customWidth="1"/>
    <col min="15612" max="15612" width="9.140625" style="273" customWidth="1"/>
    <col min="15613" max="15613" width="7.42578125" style="273" customWidth="1"/>
    <col min="15614" max="15614" width="9.140625" style="273" customWidth="1"/>
    <col min="15615" max="15615" width="7.42578125" style="273" customWidth="1"/>
    <col min="15616" max="15617" width="9.140625" style="273" customWidth="1"/>
    <col min="15618" max="15618" width="7.42578125" style="273" customWidth="1"/>
    <col min="15619" max="15619" width="9.140625" style="273" customWidth="1"/>
    <col min="15620" max="15620" width="7.85546875" style="273" customWidth="1"/>
    <col min="15621" max="15622" width="9.140625" style="273" customWidth="1"/>
    <col min="15623" max="15623" width="7.7109375" style="273" customWidth="1"/>
    <col min="15624" max="15624" width="9.140625" style="273" customWidth="1"/>
    <col min="15625" max="15625" width="7.5703125" style="273" customWidth="1"/>
    <col min="15626" max="15626" width="9.140625" style="273" customWidth="1"/>
    <col min="15627" max="15628" width="7.7109375" style="273" customWidth="1"/>
    <col min="15629" max="15629" width="8" style="273" customWidth="1"/>
    <col min="15630" max="15861" width="9.140625" style="273"/>
    <col min="15862" max="15862" width="32" style="273" customWidth="1"/>
    <col min="15863" max="15863" width="9.140625" style="273"/>
    <col min="15864" max="15864" width="9.140625" style="273" customWidth="1"/>
    <col min="15865" max="15865" width="9.140625" style="273"/>
    <col min="15866" max="15866" width="9.140625" style="273" customWidth="1"/>
    <col min="15867" max="15867" width="7" style="273" customWidth="1"/>
    <col min="15868" max="15868" width="9.140625" style="273" customWidth="1"/>
    <col min="15869" max="15869" width="7.42578125" style="273" customWidth="1"/>
    <col min="15870" max="15870" width="9.140625" style="273" customWidth="1"/>
    <col min="15871" max="15871" width="7.42578125" style="273" customWidth="1"/>
    <col min="15872" max="15873" width="9.140625" style="273" customWidth="1"/>
    <col min="15874" max="15874" width="7.42578125" style="273" customWidth="1"/>
    <col min="15875" max="15875" width="9.140625" style="273" customWidth="1"/>
    <col min="15876" max="15876" width="7.85546875" style="273" customWidth="1"/>
    <col min="15877" max="15878" width="9.140625" style="273" customWidth="1"/>
    <col min="15879" max="15879" width="7.7109375" style="273" customWidth="1"/>
    <col min="15880" max="15880" width="9.140625" style="273" customWidth="1"/>
    <col min="15881" max="15881" width="7.5703125" style="273" customWidth="1"/>
    <col min="15882" max="15882" width="9.140625" style="273" customWidth="1"/>
    <col min="15883" max="15884" width="7.7109375" style="273" customWidth="1"/>
    <col min="15885" max="15885" width="8" style="273" customWidth="1"/>
    <col min="15886" max="16117" width="9.140625" style="273"/>
    <col min="16118" max="16118" width="32" style="273" customWidth="1"/>
    <col min="16119" max="16119" width="9.140625" style="273"/>
    <col min="16120" max="16120" width="9.140625" style="273" customWidth="1"/>
    <col min="16121" max="16121" width="9.140625" style="273"/>
    <col min="16122" max="16122" width="9.140625" style="273" customWidth="1"/>
    <col min="16123" max="16123" width="7" style="273" customWidth="1"/>
    <col min="16124" max="16124" width="9.140625" style="273" customWidth="1"/>
    <col min="16125" max="16125" width="7.42578125" style="273" customWidth="1"/>
    <col min="16126" max="16126" width="9.140625" style="273" customWidth="1"/>
    <col min="16127" max="16127" width="7.42578125" style="273" customWidth="1"/>
    <col min="16128" max="16129" width="9.140625" style="273" customWidth="1"/>
    <col min="16130" max="16130" width="7.42578125" style="273" customWidth="1"/>
    <col min="16131" max="16131" width="9.140625" style="273" customWidth="1"/>
    <col min="16132" max="16132" width="7.85546875" style="273" customWidth="1"/>
    <col min="16133" max="16134" width="9.140625" style="273" customWidth="1"/>
    <col min="16135" max="16135" width="7.7109375" style="273" customWidth="1"/>
    <col min="16136" max="16136" width="9.140625" style="273" customWidth="1"/>
    <col min="16137" max="16137" width="7.5703125" style="273" customWidth="1"/>
    <col min="16138" max="16138" width="9.140625" style="273" customWidth="1"/>
    <col min="16139" max="16140" width="7.7109375" style="273" customWidth="1"/>
    <col min="16141" max="16141" width="8" style="273" customWidth="1"/>
    <col min="16142" max="16384" width="9.140625" style="273"/>
  </cols>
  <sheetData>
    <row r="1" spans="1:13" ht="10.5" x14ac:dyDescent="0.2">
      <c r="A1" s="353"/>
    </row>
    <row r="3" spans="1:13" ht="11.25" customHeight="1" x14ac:dyDescent="0.2">
      <c r="A3" s="975" t="s">
        <v>641</v>
      </c>
      <c r="B3" s="975"/>
      <c r="C3" s="975"/>
      <c r="D3" s="975"/>
      <c r="E3" s="975"/>
      <c r="F3" s="975"/>
      <c r="G3" s="975"/>
      <c r="H3" s="975"/>
      <c r="I3" s="975"/>
      <c r="J3" s="975"/>
      <c r="K3" s="975"/>
      <c r="L3" s="975"/>
      <c r="M3" s="355"/>
    </row>
    <row r="4" spans="1:13" ht="11.25" customHeight="1" x14ac:dyDescent="0.2">
      <c r="A4" s="975" t="s">
        <v>105</v>
      </c>
      <c r="B4" s="975"/>
      <c r="C4" s="975"/>
      <c r="D4" s="975"/>
      <c r="E4" s="975"/>
      <c r="F4" s="975"/>
      <c r="G4" s="975"/>
      <c r="H4" s="975"/>
      <c r="I4" s="975"/>
      <c r="J4" s="975"/>
      <c r="K4" s="975"/>
      <c r="L4" s="975"/>
      <c r="M4" s="355"/>
    </row>
    <row r="5" spans="1:13" ht="11.25" customHeight="1" x14ac:dyDescent="0.2">
      <c r="A5" s="975" t="s">
        <v>818</v>
      </c>
      <c r="B5" s="975"/>
      <c r="C5" s="975"/>
      <c r="D5" s="975"/>
      <c r="E5" s="975"/>
      <c r="F5" s="975"/>
      <c r="G5" s="975"/>
      <c r="H5" s="975"/>
      <c r="I5" s="975"/>
      <c r="J5" s="975"/>
      <c r="K5" s="975"/>
      <c r="L5" s="975"/>
      <c r="M5" s="355"/>
    </row>
    <row r="6" spans="1:13" ht="11.25" customHeight="1" x14ac:dyDescent="0.2">
      <c r="A6" s="976" t="s">
        <v>107</v>
      </c>
      <c r="B6" s="975"/>
      <c r="C6" s="975"/>
      <c r="D6" s="975"/>
      <c r="E6" s="975"/>
      <c r="F6" s="975"/>
      <c r="G6" s="975"/>
      <c r="H6" s="975"/>
      <c r="I6" s="975"/>
      <c r="J6" s="975"/>
      <c r="K6" s="975"/>
      <c r="L6" s="975"/>
      <c r="M6" s="355"/>
    </row>
    <row r="7" spans="1:13" ht="11.25" customHeight="1" x14ac:dyDescent="0.2">
      <c r="A7" s="975" t="s">
        <v>879</v>
      </c>
      <c r="B7" s="975"/>
      <c r="C7" s="975"/>
      <c r="D7" s="975"/>
      <c r="E7" s="975"/>
      <c r="F7" s="975"/>
      <c r="G7" s="975"/>
      <c r="H7" s="975"/>
      <c r="I7" s="975"/>
      <c r="J7" s="975"/>
      <c r="K7" s="975"/>
      <c r="L7" s="975"/>
      <c r="M7" s="355"/>
    </row>
    <row r="8" spans="1:13" ht="11.25" customHeight="1" x14ac:dyDescent="0.2">
      <c r="A8" s="974"/>
      <c r="B8" s="974"/>
      <c r="C8" s="974"/>
      <c r="D8" s="974"/>
      <c r="E8" s="974"/>
      <c r="F8" s="974"/>
      <c r="G8" s="974"/>
      <c r="H8" s="974"/>
      <c r="I8" s="974"/>
      <c r="J8" s="974"/>
      <c r="K8" s="974"/>
      <c r="L8" s="974"/>
      <c r="M8" s="355"/>
    </row>
    <row r="9" spans="1:13" ht="11.25" customHeight="1" x14ac:dyDescent="0.2">
      <c r="A9" s="980" t="s">
        <v>819</v>
      </c>
      <c r="B9" s="980"/>
      <c r="C9" s="980"/>
      <c r="D9" s="980"/>
      <c r="E9" s="354"/>
      <c r="F9" s="354"/>
      <c r="G9" s="354"/>
      <c r="H9" s="354"/>
      <c r="I9" s="354"/>
      <c r="J9" s="354"/>
      <c r="K9" s="977">
        <v>1</v>
      </c>
      <c r="L9" s="977"/>
      <c r="M9" s="355"/>
    </row>
    <row r="10" spans="1:13" s="214" customFormat="1" ht="12" customHeight="1" x14ac:dyDescent="0.2">
      <c r="A10" s="771" t="s">
        <v>173</v>
      </c>
      <c r="B10" s="739" t="s">
        <v>820</v>
      </c>
      <c r="C10" s="740"/>
      <c r="D10" s="741"/>
      <c r="E10" s="756" t="s">
        <v>855</v>
      </c>
      <c r="F10" s="691"/>
      <c r="G10" s="691"/>
      <c r="H10" s="691"/>
      <c r="I10" s="691"/>
      <c r="J10" s="692"/>
      <c r="K10" s="978" t="s">
        <v>821</v>
      </c>
      <c r="L10" s="979"/>
      <c r="M10" s="355"/>
    </row>
    <row r="11" spans="1:13" s="214" customFormat="1" ht="11.25" customHeight="1" x14ac:dyDescent="0.2">
      <c r="A11" s="763"/>
      <c r="B11" s="762" t="s">
        <v>822</v>
      </c>
      <c r="C11" s="770"/>
      <c r="D11" s="744"/>
      <c r="E11" s="754" t="s">
        <v>823</v>
      </c>
      <c r="F11" s="761"/>
      <c r="G11" s="771"/>
      <c r="H11" s="754" t="s">
        <v>824</v>
      </c>
      <c r="I11" s="761"/>
      <c r="J11" s="771"/>
      <c r="K11" s="765"/>
      <c r="L11" s="770"/>
      <c r="M11" s="355"/>
    </row>
    <row r="12" spans="1:13" s="214" customFormat="1" ht="11.25" customHeight="1" x14ac:dyDescent="0.2">
      <c r="A12" s="763"/>
      <c r="B12" s="762" t="s">
        <v>825</v>
      </c>
      <c r="C12" s="770"/>
      <c r="D12" s="744"/>
      <c r="E12" s="762"/>
      <c r="F12" s="1002"/>
      <c r="G12" s="763"/>
      <c r="H12" s="762"/>
      <c r="I12" s="1002"/>
      <c r="J12" s="763"/>
      <c r="K12" s="762" t="s">
        <v>826</v>
      </c>
      <c r="L12" s="1002"/>
      <c r="M12" s="355"/>
    </row>
    <row r="13" spans="1:13" s="214" customFormat="1" ht="21" customHeight="1" x14ac:dyDescent="0.2">
      <c r="A13" s="764"/>
      <c r="B13" s="755" t="s">
        <v>116</v>
      </c>
      <c r="C13" s="767"/>
      <c r="D13" s="745"/>
      <c r="E13" s="755"/>
      <c r="F13" s="777"/>
      <c r="G13" s="764"/>
      <c r="H13" s="767" t="s">
        <v>117</v>
      </c>
      <c r="I13" s="767"/>
      <c r="J13" s="745"/>
      <c r="K13" s="755"/>
      <c r="L13" s="777"/>
      <c r="M13" s="355"/>
    </row>
    <row r="14" spans="1:13" s="153" customFormat="1" ht="11.25" customHeight="1" x14ac:dyDescent="0.2">
      <c r="A14" s="356" t="s">
        <v>827</v>
      </c>
      <c r="B14" s="981"/>
      <c r="C14" s="982"/>
      <c r="D14" s="983"/>
      <c r="E14" s="982"/>
      <c r="F14" s="982"/>
      <c r="G14" s="983"/>
      <c r="H14" s="982"/>
      <c r="I14" s="982"/>
      <c r="J14" s="983"/>
      <c r="K14" s="981"/>
      <c r="L14" s="982"/>
      <c r="M14" s="357"/>
    </row>
    <row r="15" spans="1:13" s="214" customFormat="1" ht="11.25" customHeight="1" x14ac:dyDescent="0.2">
      <c r="A15" s="56" t="s">
        <v>828</v>
      </c>
      <c r="B15" s="984"/>
      <c r="C15" s="985"/>
      <c r="D15" s="986"/>
      <c r="E15" s="987"/>
      <c r="F15" s="985"/>
      <c r="G15" s="986"/>
      <c r="H15" s="987"/>
      <c r="I15" s="985"/>
      <c r="J15" s="986"/>
      <c r="K15" s="984"/>
      <c r="L15" s="987"/>
      <c r="M15" s="355"/>
    </row>
    <row r="16" spans="1:13" s="214" customFormat="1" ht="11.25" customHeight="1" x14ac:dyDescent="0.2">
      <c r="A16" s="56" t="s">
        <v>829</v>
      </c>
      <c r="B16" s="984"/>
      <c r="C16" s="985"/>
      <c r="D16" s="986"/>
      <c r="E16" s="987"/>
      <c r="F16" s="985"/>
      <c r="G16" s="986"/>
      <c r="H16" s="987"/>
      <c r="I16" s="985"/>
      <c r="J16" s="986"/>
      <c r="K16" s="984"/>
      <c r="L16" s="987"/>
      <c r="M16" s="355"/>
    </row>
    <row r="17" spans="1:13" s="214" customFormat="1" ht="11.25" customHeight="1" x14ac:dyDescent="0.2">
      <c r="A17" s="56" t="s">
        <v>830</v>
      </c>
      <c r="B17" s="988"/>
      <c r="C17" s="989"/>
      <c r="D17" s="990"/>
      <c r="E17" s="989"/>
      <c r="F17" s="989"/>
      <c r="G17" s="990"/>
      <c r="H17" s="989"/>
      <c r="I17" s="989"/>
      <c r="J17" s="990"/>
      <c r="K17" s="988"/>
      <c r="L17" s="989"/>
      <c r="M17" s="355"/>
    </row>
    <row r="18" spans="1:13" s="153" customFormat="1" ht="11.25" customHeight="1" x14ac:dyDescent="0.2">
      <c r="A18" s="356" t="s">
        <v>831</v>
      </c>
      <c r="B18" s="981"/>
      <c r="C18" s="982"/>
      <c r="D18" s="983"/>
      <c r="E18" s="982"/>
      <c r="F18" s="982"/>
      <c r="G18" s="983"/>
      <c r="H18" s="982"/>
      <c r="I18" s="982"/>
      <c r="J18" s="983"/>
      <c r="K18" s="981"/>
      <c r="L18" s="982"/>
      <c r="M18" s="357"/>
    </row>
    <row r="19" spans="1:13" s="214" customFormat="1" ht="11.25" customHeight="1" x14ac:dyDescent="0.2">
      <c r="A19" s="56" t="s">
        <v>832</v>
      </c>
      <c r="B19" s="984"/>
      <c r="C19" s="985"/>
      <c r="D19" s="986"/>
      <c r="E19" s="987"/>
      <c r="F19" s="985"/>
      <c r="G19" s="986"/>
      <c r="H19" s="987"/>
      <c r="I19" s="985"/>
      <c r="J19" s="986"/>
      <c r="K19" s="984"/>
      <c r="L19" s="987"/>
      <c r="M19" s="355"/>
    </row>
    <row r="20" spans="1:13" s="214" customFormat="1" ht="11.25" customHeight="1" x14ac:dyDescent="0.2">
      <c r="A20" s="56" t="s">
        <v>833</v>
      </c>
      <c r="B20" s="984"/>
      <c r="C20" s="985"/>
      <c r="D20" s="986"/>
      <c r="E20" s="987"/>
      <c r="F20" s="985"/>
      <c r="G20" s="986"/>
      <c r="H20" s="987"/>
      <c r="I20" s="985"/>
      <c r="J20" s="986"/>
      <c r="K20" s="984"/>
      <c r="L20" s="987"/>
      <c r="M20" s="355"/>
    </row>
    <row r="21" spans="1:13" s="214" customFormat="1" ht="11.25" customHeight="1" x14ac:dyDescent="0.2">
      <c r="A21" s="56" t="s">
        <v>834</v>
      </c>
      <c r="B21" s="988"/>
      <c r="C21" s="989"/>
      <c r="D21" s="990"/>
      <c r="E21" s="989"/>
      <c r="F21" s="989"/>
      <c r="G21" s="990"/>
      <c r="H21" s="989"/>
      <c r="I21" s="989"/>
      <c r="J21" s="990"/>
      <c r="K21" s="988"/>
      <c r="L21" s="989"/>
      <c r="M21" s="355"/>
    </row>
    <row r="22" spans="1:13" s="214" customFormat="1" ht="11.25" customHeight="1" x14ac:dyDescent="0.2">
      <c r="A22" s="358" t="s">
        <v>835</v>
      </c>
      <c r="B22" s="991"/>
      <c r="C22" s="992"/>
      <c r="D22" s="993"/>
      <c r="E22" s="992"/>
      <c r="F22" s="992"/>
      <c r="G22" s="993"/>
      <c r="H22" s="992"/>
      <c r="I22" s="992"/>
      <c r="J22" s="993"/>
      <c r="K22" s="991"/>
      <c r="L22" s="992"/>
      <c r="M22" s="355"/>
    </row>
    <row r="23" spans="1:13" s="214" customFormat="1" ht="11.25" customHeight="1" x14ac:dyDescent="0.2">
      <c r="A23" s="359" t="s">
        <v>836</v>
      </c>
      <c r="B23" s="991"/>
      <c r="C23" s="992"/>
      <c r="D23" s="993"/>
      <c r="E23" s="992"/>
      <c r="F23" s="992"/>
      <c r="G23" s="993"/>
      <c r="H23" s="992"/>
      <c r="I23" s="992"/>
      <c r="J23" s="993"/>
      <c r="K23" s="991"/>
      <c r="L23" s="992"/>
      <c r="M23" s="355"/>
    </row>
    <row r="24" spans="1:13" s="214" customFormat="1" ht="11.25" customHeight="1" x14ac:dyDescent="0.2">
      <c r="A24" s="360" t="s">
        <v>837</v>
      </c>
      <c r="B24" s="994"/>
      <c r="C24" s="995"/>
      <c r="D24" s="996"/>
      <c r="E24" s="995"/>
      <c r="F24" s="995"/>
      <c r="G24" s="996"/>
      <c r="H24" s="995"/>
      <c r="I24" s="995"/>
      <c r="J24" s="996"/>
      <c r="K24" s="994"/>
      <c r="L24" s="995"/>
      <c r="M24" s="355"/>
    </row>
    <row r="25" spans="1:13" s="214" customFormat="1" ht="11.25" customHeight="1" x14ac:dyDescent="0.2">
      <c r="A25" s="56" t="s">
        <v>838</v>
      </c>
      <c r="B25" s="984"/>
      <c r="C25" s="985"/>
      <c r="D25" s="986"/>
      <c r="E25" s="987"/>
      <c r="F25" s="985"/>
      <c r="G25" s="986"/>
      <c r="H25" s="987"/>
      <c r="I25" s="985"/>
      <c r="J25" s="986"/>
      <c r="K25" s="984"/>
      <c r="L25" s="987"/>
      <c r="M25" s="355"/>
    </row>
    <row r="26" spans="1:13" s="214" customFormat="1" ht="11.25" customHeight="1" x14ac:dyDescent="0.2">
      <c r="A26" s="56" t="s">
        <v>839</v>
      </c>
      <c r="B26" s="984"/>
      <c r="C26" s="985"/>
      <c r="D26" s="986"/>
      <c r="E26" s="987"/>
      <c r="F26" s="985"/>
      <c r="G26" s="986"/>
      <c r="H26" s="987"/>
      <c r="I26" s="985"/>
      <c r="J26" s="986"/>
      <c r="K26" s="984"/>
      <c r="L26" s="987"/>
      <c r="M26" s="355"/>
    </row>
    <row r="27" spans="1:13" s="214" customFormat="1" ht="11.25" customHeight="1" x14ac:dyDescent="0.2">
      <c r="A27" s="361" t="s">
        <v>840</v>
      </c>
      <c r="B27" s="988"/>
      <c r="C27" s="989"/>
      <c r="D27" s="990"/>
      <c r="E27" s="989"/>
      <c r="F27" s="989"/>
      <c r="G27" s="990"/>
      <c r="H27" s="989"/>
      <c r="I27" s="989"/>
      <c r="J27" s="990"/>
      <c r="K27" s="988"/>
      <c r="L27" s="989"/>
      <c r="M27" s="355"/>
    </row>
    <row r="28" spans="1:13" s="153" customFormat="1" ht="11.25" customHeight="1" x14ac:dyDescent="0.2">
      <c r="A28" s="360" t="s">
        <v>841</v>
      </c>
      <c r="B28" s="981"/>
      <c r="C28" s="982"/>
      <c r="D28" s="983"/>
      <c r="E28" s="982"/>
      <c r="F28" s="982"/>
      <c r="G28" s="983"/>
      <c r="H28" s="982"/>
      <c r="I28" s="982"/>
      <c r="J28" s="983"/>
      <c r="K28" s="981"/>
      <c r="L28" s="982"/>
      <c r="M28" s="357"/>
    </row>
    <row r="29" spans="1:13" s="214" customFormat="1" ht="11.25" customHeight="1" x14ac:dyDescent="0.2">
      <c r="A29" s="56" t="s">
        <v>842</v>
      </c>
      <c r="B29" s="984"/>
      <c r="C29" s="985"/>
      <c r="D29" s="986"/>
      <c r="E29" s="987"/>
      <c r="F29" s="985"/>
      <c r="G29" s="986"/>
      <c r="H29" s="987"/>
      <c r="I29" s="985"/>
      <c r="J29" s="986"/>
      <c r="K29" s="984"/>
      <c r="L29" s="987"/>
      <c r="M29" s="355"/>
    </row>
    <row r="30" spans="1:13" s="214" customFormat="1" ht="11.25" customHeight="1" x14ac:dyDescent="0.2">
      <c r="A30" s="361" t="s">
        <v>843</v>
      </c>
      <c r="B30" s="988"/>
      <c r="C30" s="989"/>
      <c r="D30" s="990"/>
      <c r="E30" s="989"/>
      <c r="F30" s="989"/>
      <c r="G30" s="990"/>
      <c r="H30" s="989"/>
      <c r="I30" s="989"/>
      <c r="J30" s="990"/>
      <c r="K30" s="988"/>
      <c r="L30" s="989"/>
      <c r="M30" s="355"/>
    </row>
    <row r="31" spans="1:13" ht="11.25" customHeight="1" x14ac:dyDescent="0.2">
      <c r="A31" s="362"/>
      <c r="B31" s="362"/>
      <c r="C31" s="362"/>
      <c r="D31" s="362"/>
      <c r="E31" s="354"/>
      <c r="F31" s="354"/>
      <c r="G31" s="354"/>
      <c r="H31" s="354"/>
      <c r="I31" s="354"/>
      <c r="J31" s="354"/>
      <c r="K31" s="363"/>
      <c r="L31" s="363"/>
      <c r="M31" s="355"/>
    </row>
    <row r="32" spans="1:13" ht="15" customHeight="1" x14ac:dyDescent="0.2">
      <c r="A32" s="349"/>
      <c r="B32" s="351" t="s">
        <v>844</v>
      </c>
      <c r="C32" s="351" t="s">
        <v>845</v>
      </c>
      <c r="D32" s="752">
        <v>2016</v>
      </c>
      <c r="E32" s="752">
        <v>2017</v>
      </c>
      <c r="F32" s="752">
        <v>2018</v>
      </c>
      <c r="G32" s="752">
        <v>2019</v>
      </c>
      <c r="H32" s="752">
        <v>2020</v>
      </c>
      <c r="I32" s="752">
        <v>2021</v>
      </c>
      <c r="J32" s="752">
        <v>2022</v>
      </c>
      <c r="K32" s="752">
        <v>2023</v>
      </c>
      <c r="L32" s="754">
        <v>2024</v>
      </c>
      <c r="M32" s="364"/>
    </row>
    <row r="33" spans="1:13" ht="11.25" customHeight="1" x14ac:dyDescent="0.2">
      <c r="A33" s="352" t="s">
        <v>846</v>
      </c>
      <c r="B33" s="347" t="s">
        <v>847</v>
      </c>
      <c r="C33" s="347" t="s">
        <v>848</v>
      </c>
      <c r="D33" s="1003"/>
      <c r="E33" s="1003"/>
      <c r="F33" s="998"/>
      <c r="G33" s="998"/>
      <c r="H33" s="998"/>
      <c r="I33" s="998"/>
      <c r="J33" s="998"/>
      <c r="K33" s="998"/>
      <c r="L33" s="1000"/>
      <c r="M33" s="364"/>
    </row>
    <row r="34" spans="1:13" ht="15" customHeight="1" x14ac:dyDescent="0.2">
      <c r="A34" s="350"/>
      <c r="B34" s="348"/>
      <c r="C34" s="348">
        <v>2015</v>
      </c>
      <c r="D34" s="753"/>
      <c r="E34" s="753"/>
      <c r="F34" s="999"/>
      <c r="G34" s="999"/>
      <c r="H34" s="999"/>
      <c r="I34" s="999"/>
      <c r="J34" s="999"/>
      <c r="K34" s="999"/>
      <c r="L34" s="1001"/>
      <c r="M34" s="364"/>
    </row>
    <row r="35" spans="1:13" ht="11.25" customHeight="1" x14ac:dyDescent="0.2">
      <c r="A35" s="273" t="s">
        <v>849</v>
      </c>
      <c r="B35" s="651"/>
      <c r="C35" s="651"/>
      <c r="D35" s="651"/>
      <c r="E35" s="651"/>
      <c r="F35" s="651"/>
      <c r="G35" s="651"/>
      <c r="H35" s="651"/>
      <c r="I35" s="651"/>
      <c r="J35" s="651"/>
      <c r="K35" s="652"/>
      <c r="L35" s="653"/>
      <c r="M35" s="365"/>
    </row>
    <row r="36" spans="1:13" ht="11.25" customHeight="1" x14ac:dyDescent="0.2">
      <c r="A36" s="56"/>
      <c r="B36" s="651"/>
      <c r="C36" s="651"/>
      <c r="D36" s="651"/>
      <c r="E36" s="651"/>
      <c r="F36" s="651"/>
      <c r="G36" s="651"/>
      <c r="H36" s="651"/>
      <c r="I36" s="651"/>
      <c r="J36" s="651"/>
      <c r="K36" s="652"/>
      <c r="L36" s="653"/>
      <c r="M36" s="365"/>
    </row>
    <row r="37" spans="1:13" ht="11.25" customHeight="1" x14ac:dyDescent="0.2">
      <c r="A37" s="273" t="s">
        <v>850</v>
      </c>
      <c r="B37" s="651"/>
      <c r="C37" s="651"/>
      <c r="D37" s="651"/>
      <c r="E37" s="651"/>
      <c r="F37" s="651"/>
      <c r="G37" s="651"/>
      <c r="H37" s="651"/>
      <c r="I37" s="651"/>
      <c r="J37" s="651"/>
      <c r="K37" s="652"/>
      <c r="L37" s="653"/>
      <c r="M37" s="365"/>
    </row>
    <row r="38" spans="1:13" ht="11.25" customHeight="1" x14ac:dyDescent="0.2">
      <c r="A38" s="56"/>
      <c r="B38" s="651"/>
      <c r="C38" s="651"/>
      <c r="D38" s="651"/>
      <c r="E38" s="651"/>
      <c r="F38" s="651"/>
      <c r="G38" s="651"/>
      <c r="H38" s="651"/>
      <c r="I38" s="651"/>
      <c r="J38" s="651"/>
      <c r="K38" s="652"/>
      <c r="L38" s="653"/>
      <c r="M38" s="365"/>
    </row>
    <row r="39" spans="1:13" ht="11.25" customHeight="1" x14ac:dyDescent="0.2">
      <c r="A39" s="358" t="s">
        <v>851</v>
      </c>
      <c r="B39" s="548"/>
      <c r="C39" s="548"/>
      <c r="D39" s="548"/>
      <c r="E39" s="548"/>
      <c r="F39" s="548"/>
      <c r="G39" s="548"/>
      <c r="H39" s="548"/>
      <c r="I39" s="548"/>
      <c r="J39" s="548"/>
      <c r="K39" s="654"/>
      <c r="L39" s="655"/>
      <c r="M39" s="365"/>
    </row>
    <row r="40" spans="1:13" ht="15.75" customHeight="1" x14ac:dyDescent="0.2">
      <c r="A40" s="359" t="s">
        <v>852</v>
      </c>
      <c r="B40" s="548"/>
      <c r="C40" s="548">
        <v>8277846556.6599998</v>
      </c>
      <c r="D40" s="548"/>
      <c r="E40" s="548"/>
      <c r="F40" s="548"/>
      <c r="G40" s="548"/>
      <c r="H40" s="548"/>
      <c r="I40" s="548"/>
      <c r="J40" s="548"/>
      <c r="K40" s="656"/>
      <c r="L40" s="655"/>
      <c r="M40" s="365"/>
    </row>
    <row r="41" spans="1:13" ht="11.25" customHeight="1" x14ac:dyDescent="0.2">
      <c r="A41" s="359" t="s">
        <v>853</v>
      </c>
      <c r="B41" s="548"/>
      <c r="C41" s="548"/>
      <c r="D41" s="548"/>
      <c r="E41" s="548"/>
      <c r="F41" s="548"/>
      <c r="G41" s="548"/>
      <c r="H41" s="548"/>
      <c r="I41" s="548"/>
      <c r="J41" s="548"/>
      <c r="K41" s="656"/>
      <c r="L41" s="655"/>
      <c r="M41" s="365"/>
    </row>
    <row r="42" spans="1:13" ht="11.25" customHeight="1" x14ac:dyDescent="0.2">
      <c r="A42" s="366" t="s">
        <v>854</v>
      </c>
      <c r="B42" s="367"/>
      <c r="C42" s="367"/>
      <c r="D42" s="367"/>
      <c r="E42" s="367"/>
      <c r="F42" s="367"/>
      <c r="G42" s="367"/>
      <c r="H42" s="367"/>
      <c r="I42" s="367"/>
      <c r="J42" s="367"/>
      <c r="K42" s="367"/>
      <c r="L42" s="367"/>
      <c r="M42" s="368"/>
    </row>
    <row r="43" spans="1:13" ht="10.5" x14ac:dyDescent="0.2">
      <c r="A43" s="100" t="s">
        <v>862</v>
      </c>
      <c r="B43" s="14"/>
      <c r="C43" s="14"/>
      <c r="D43" s="14"/>
      <c r="E43" s="14"/>
      <c r="F43" s="14"/>
      <c r="G43" s="14"/>
      <c r="H43" s="14"/>
      <c r="I43" s="14"/>
      <c r="J43" s="997"/>
      <c r="K43" s="997"/>
      <c r="L43" s="997"/>
      <c r="M43" s="58"/>
    </row>
    <row r="44" spans="1:13" ht="11.25" customHeight="1" x14ac:dyDescent="0.2">
      <c r="A44" s="214"/>
    </row>
    <row r="52" s="46" customFormat="1" ht="11.25" customHeight="1" x14ac:dyDescent="0.2"/>
    <row r="53" s="46" customFormat="1" ht="11.25" customHeight="1" x14ac:dyDescent="0.2"/>
    <row r="54" s="46" customFormat="1" ht="11.25" customHeight="1" x14ac:dyDescent="0.2"/>
    <row r="55" s="46" customFormat="1" ht="11.25" customHeight="1" x14ac:dyDescent="0.2"/>
    <row r="56" s="46" customFormat="1" ht="11.25" customHeight="1" x14ac:dyDescent="0.2"/>
    <row r="57" s="46" customFormat="1" ht="11.25" customHeight="1" x14ac:dyDescent="0.2"/>
    <row r="58" s="46" customFormat="1" ht="11.25" customHeight="1" x14ac:dyDescent="0.2"/>
  </sheetData>
  <customSheetViews>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71" orientation="portrait" r:id="rId1"/>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2"/>
    </customSheetView>
    <customSheetView guid="{82EDB5A4-4824-4632-A540-7A52C92F04C7}" showPageBreaks="1" showGridLines="0" fitToPage="1">
      <selection activeCell="M83" sqref="M83"/>
      <pageMargins left="0.19685039370078741" right="0.19685039370078741" top="0.59055118110236227" bottom="0.19685039370078741" header="0" footer="0"/>
      <printOptions horizontalCentered="1"/>
      <pageSetup paperSize="9" scale="71" orientation="portrait" r:id="rId3"/>
    </customSheetView>
    <customSheetView guid="{C779D862-DE28-46CD-A428-4AAA1056D1E1}" showPageBreaks="1" showGridLines="0" fitToPage="1" printArea="1" topLeftCell="A16">
      <selection activeCell="M83" sqref="M83"/>
      <pageMargins left="0.19685039370078741" right="0.19685039370078741" top="0.59055118110236227" bottom="0.19685039370078741" header="0" footer="0"/>
      <printOptions horizontalCentered="1"/>
      <pageSetup paperSize="9" scale="70" orientation="portrait" r:id="rId4"/>
    </customSheetView>
    <customSheetView guid="{25EF1E0D-169B-4051-B414-7E1196FC05E4}" showPageBreaks="1" showGridLines="0" fitToPage="1" printArea="1">
      <selection activeCell="M83" sqref="M83"/>
      <pageMargins left="0.19685039370078741" right="0.19685039370078741" top="0.59055118110236227" bottom="0.19685039370078741" header="0" footer="0"/>
      <printOptions horizontalCentered="1"/>
      <pageSetup paperSize="9" scale="70" orientation="portrait" r:id="rId5"/>
    </customSheetView>
    <customSheetView guid="{3AAF6A5F-F9AA-430B-9AD9-1261ECDF41B5}" showPageBreaks="1" showGridLines="0" fitToPage="1">
      <selection activeCell="M83" sqref="M83"/>
      <pageMargins left="0.19685039370078741" right="0.19685039370078741" top="0.59055118110236227" bottom="0.19685039370078741" header="0" footer="0"/>
      <printOptions horizontalCentered="1"/>
      <pageSetup paperSize="9" scale="70" orientation="portrait" r:id="rId6"/>
    </customSheetView>
  </customSheetViews>
  <mergeCells count="97">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 ref="H30:J30"/>
    <mergeCell ref="K30:L30"/>
    <mergeCell ref="B28:D28"/>
    <mergeCell ref="E28:G28"/>
    <mergeCell ref="H28:J28"/>
    <mergeCell ref="K28:L28"/>
    <mergeCell ref="B29:D29"/>
    <mergeCell ref="E29:G29"/>
    <mergeCell ref="H29:J29"/>
    <mergeCell ref="K29:L29"/>
    <mergeCell ref="B26:D26"/>
    <mergeCell ref="E26:G26"/>
    <mergeCell ref="H26:J26"/>
    <mergeCell ref="K26:L26"/>
    <mergeCell ref="B27:D27"/>
    <mergeCell ref="E27:G27"/>
    <mergeCell ref="H27:J27"/>
    <mergeCell ref="K27:L27"/>
    <mergeCell ref="B24:D24"/>
    <mergeCell ref="E24:G24"/>
    <mergeCell ref="H24:J24"/>
    <mergeCell ref="K24:L24"/>
    <mergeCell ref="B25:D25"/>
    <mergeCell ref="E25:G25"/>
    <mergeCell ref="H25:J25"/>
    <mergeCell ref="K25:L25"/>
    <mergeCell ref="B22:D22"/>
    <mergeCell ref="E22:G22"/>
    <mergeCell ref="H22:J22"/>
    <mergeCell ref="K22:L22"/>
    <mergeCell ref="B23:D23"/>
    <mergeCell ref="E23:G23"/>
    <mergeCell ref="H23:J23"/>
    <mergeCell ref="K23:L23"/>
    <mergeCell ref="B20:D20"/>
    <mergeCell ref="E20:G20"/>
    <mergeCell ref="H20:J20"/>
    <mergeCell ref="K20:L20"/>
    <mergeCell ref="B21:D21"/>
    <mergeCell ref="E21:G21"/>
    <mergeCell ref="H21:J21"/>
    <mergeCell ref="K21:L21"/>
    <mergeCell ref="B18:D18"/>
    <mergeCell ref="E18:G18"/>
    <mergeCell ref="H18:J18"/>
    <mergeCell ref="K18:L18"/>
    <mergeCell ref="B19:D19"/>
    <mergeCell ref="E19:G19"/>
    <mergeCell ref="H19:J19"/>
    <mergeCell ref="K19:L19"/>
    <mergeCell ref="B16:D16"/>
    <mergeCell ref="E16:G16"/>
    <mergeCell ref="H16:J16"/>
    <mergeCell ref="K16:L16"/>
    <mergeCell ref="B17:D17"/>
    <mergeCell ref="E17:G17"/>
    <mergeCell ref="H17:J17"/>
    <mergeCell ref="K17:L17"/>
    <mergeCell ref="B14:D14"/>
    <mergeCell ref="E14:G14"/>
    <mergeCell ref="H14:J14"/>
    <mergeCell ref="K14:L14"/>
    <mergeCell ref="B15:D15"/>
    <mergeCell ref="E15:G15"/>
    <mergeCell ref="H15:J15"/>
    <mergeCell ref="K15:L15"/>
    <mergeCell ref="B12:D12"/>
    <mergeCell ref="B13:D13"/>
    <mergeCell ref="H13:J13"/>
    <mergeCell ref="K9:L9"/>
    <mergeCell ref="B10:D10"/>
    <mergeCell ref="E10:J10"/>
    <mergeCell ref="K10:L11"/>
    <mergeCell ref="B11:D11"/>
    <mergeCell ref="A9:D9"/>
    <mergeCell ref="A8:L8"/>
    <mergeCell ref="A3:L3"/>
    <mergeCell ref="A4:L4"/>
    <mergeCell ref="A5:L5"/>
    <mergeCell ref="A6:L6"/>
    <mergeCell ref="A7:L7"/>
  </mergeCells>
  <printOptions horizontalCentered="1"/>
  <pageMargins left="0.19685039370078741" right="0.19685039370078741" top="0.59055118110236227" bottom="0.19685039370078741" header="0" footer="0"/>
  <pageSetup paperSize="9" scale="70" orientation="portrait" r:id="rId7"/>
  <drawing r:id="rId8"/>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tabColor rgb="FF92D050"/>
    <pageSetUpPr fitToPage="1"/>
  </sheetPr>
  <dimension ref="A1:U107"/>
  <sheetViews>
    <sheetView showGridLines="0" zoomScaleNormal="100" workbookViewId="0">
      <selection activeCell="A15" sqref="A15"/>
    </sheetView>
  </sheetViews>
  <sheetFormatPr defaultColWidth="1" defaultRowHeight="11.25" customHeight="1" x14ac:dyDescent="0.2"/>
  <cols>
    <col min="1" max="1" width="92.5703125" style="1" customWidth="1"/>
    <col min="2" max="2" width="29" style="1" bestFit="1" customWidth="1"/>
    <col min="3" max="3" width="19.140625" style="69" customWidth="1"/>
    <col min="4" max="6" width="17.28515625" style="1" bestFit="1" customWidth="1"/>
    <col min="7" max="59" width="15.7109375" style="1" customWidth="1"/>
    <col min="60" max="16384" width="1" style="1"/>
  </cols>
  <sheetData>
    <row r="1" spans="1:13" s="23" customFormat="1" ht="10.5" x14ac:dyDescent="0.2">
      <c r="A1" s="300"/>
      <c r="B1" s="300"/>
      <c r="C1" s="300"/>
      <c r="D1" s="300"/>
      <c r="E1" s="300"/>
    </row>
    <row r="2" spans="1:13" s="23" customFormat="1" ht="11.25" customHeight="1" x14ac:dyDescent="0.2">
      <c r="A2" s="128"/>
    </row>
    <row r="3" spans="1:13" s="46" customFormat="1" ht="11.25" customHeight="1" x14ac:dyDescent="0.2">
      <c r="A3" s="971" t="s">
        <v>641</v>
      </c>
      <c r="B3" s="971"/>
      <c r="C3" s="971"/>
      <c r="D3" s="971"/>
      <c r="E3" s="971"/>
      <c r="F3" s="286"/>
      <c r="G3" s="286"/>
      <c r="H3" s="286"/>
      <c r="I3" s="286"/>
      <c r="J3" s="286"/>
      <c r="K3" s="286"/>
      <c r="L3" s="286"/>
      <c r="M3" s="286"/>
    </row>
    <row r="4" spans="1:13" s="46" customFormat="1" ht="11.25" customHeight="1" x14ac:dyDescent="0.2">
      <c r="A4" s="681" t="s">
        <v>251</v>
      </c>
      <c r="B4" s="681"/>
      <c r="C4" s="681"/>
      <c r="D4" s="681"/>
      <c r="E4" s="681"/>
    </row>
    <row r="5" spans="1:13" s="46" customFormat="1" ht="11.25" customHeight="1" x14ac:dyDescent="0.2">
      <c r="A5" s="971" t="s">
        <v>106</v>
      </c>
      <c r="B5" s="971"/>
      <c r="C5" s="971"/>
      <c r="D5" s="971"/>
      <c r="E5" s="971"/>
    </row>
    <row r="6" spans="1:13" s="46" customFormat="1" ht="11.25" customHeight="1" x14ac:dyDescent="0.2">
      <c r="A6" s="971" t="s">
        <v>107</v>
      </c>
      <c r="B6" s="971"/>
      <c r="C6" s="971"/>
      <c r="D6" s="971"/>
      <c r="E6" s="971"/>
    </row>
    <row r="7" spans="1:13" s="46" customFormat="1" ht="11.25" customHeight="1" x14ac:dyDescent="0.2">
      <c r="A7" s="971" t="s">
        <v>879</v>
      </c>
      <c r="B7" s="971"/>
      <c r="C7" s="971"/>
      <c r="D7" s="971"/>
      <c r="E7" s="971"/>
    </row>
    <row r="8" spans="1:13" s="46" customFormat="1" ht="11.25" customHeight="1" x14ac:dyDescent="0.2">
      <c r="A8" s="254"/>
      <c r="B8" s="254"/>
      <c r="C8" s="254"/>
      <c r="D8" s="254"/>
      <c r="E8" s="254"/>
    </row>
    <row r="9" spans="1:13" s="23" customFormat="1" ht="11.25" customHeight="1" x14ac:dyDescent="0.2">
      <c r="A9" s="23" t="s">
        <v>817</v>
      </c>
      <c r="B9" s="130"/>
      <c r="E9" s="225">
        <v>1</v>
      </c>
    </row>
    <row r="10" spans="1:13" s="23" customFormat="1" ht="21" customHeight="1" x14ac:dyDescent="0.2">
      <c r="A10" s="131" t="s">
        <v>106</v>
      </c>
      <c r="B10" s="1008" t="s">
        <v>115</v>
      </c>
      <c r="C10" s="1009"/>
      <c r="D10" s="1009"/>
      <c r="E10" s="1009"/>
    </row>
    <row r="11" spans="1:13" s="68" customFormat="1" ht="11.25" customHeight="1" x14ac:dyDescent="0.2">
      <c r="A11" s="158" t="s">
        <v>110</v>
      </c>
      <c r="B11" s="679"/>
      <c r="C11" s="709"/>
      <c r="D11" s="709"/>
      <c r="E11" s="709"/>
    </row>
    <row r="12" spans="1:13" ht="11.25" customHeight="1" x14ac:dyDescent="0.2">
      <c r="A12" s="19" t="s">
        <v>315</v>
      </c>
      <c r="B12" s="659">
        <v>13057110000</v>
      </c>
      <c r="C12" s="660"/>
      <c r="D12" s="660"/>
      <c r="E12" s="660"/>
    </row>
    <row r="13" spans="1:13" ht="11.25" customHeight="1" x14ac:dyDescent="0.2">
      <c r="A13" s="19" t="s">
        <v>316</v>
      </c>
      <c r="B13" s="659">
        <v>13249315516.900002</v>
      </c>
      <c r="C13" s="660"/>
      <c r="D13" s="660"/>
      <c r="E13" s="660"/>
    </row>
    <row r="14" spans="1:13" ht="11.25" customHeight="1" x14ac:dyDescent="0.2">
      <c r="A14" s="19" t="s">
        <v>61</v>
      </c>
      <c r="B14" s="659">
        <v>8126977753.2400007</v>
      </c>
      <c r="C14" s="660"/>
      <c r="D14" s="660"/>
      <c r="E14" s="660"/>
    </row>
    <row r="15" spans="1:13" ht="11.25" customHeight="1" x14ac:dyDescent="0.2">
      <c r="A15" s="19" t="s">
        <v>62</v>
      </c>
      <c r="B15" s="659">
        <v>258216546.14999962</v>
      </c>
      <c r="C15" s="660"/>
      <c r="D15" s="660"/>
      <c r="E15" s="660"/>
    </row>
    <row r="16" spans="1:13" ht="11.25" customHeight="1" x14ac:dyDescent="0.2">
      <c r="A16" s="19" t="s">
        <v>63</v>
      </c>
      <c r="B16" s="659">
        <v>0</v>
      </c>
      <c r="C16" s="660"/>
      <c r="D16" s="660"/>
      <c r="E16" s="660"/>
    </row>
    <row r="17" spans="1:5" s="68" customFormat="1" ht="11.25" customHeight="1" x14ac:dyDescent="0.2">
      <c r="A17" s="158" t="s">
        <v>160</v>
      </c>
      <c r="B17" s="659"/>
      <c r="C17" s="660"/>
      <c r="D17" s="660"/>
      <c r="E17" s="660"/>
    </row>
    <row r="18" spans="1:5" ht="11.25" customHeight="1" x14ac:dyDescent="0.2">
      <c r="A18" s="17" t="s">
        <v>64</v>
      </c>
      <c r="B18" s="659">
        <v>13057110000</v>
      </c>
      <c r="C18" s="660"/>
      <c r="D18" s="660"/>
      <c r="E18" s="660"/>
    </row>
    <row r="19" spans="1:5" ht="11.25" customHeight="1" x14ac:dyDescent="0.2">
      <c r="A19" s="17" t="s">
        <v>69</v>
      </c>
      <c r="B19" s="659">
        <v>772170585.00000191</v>
      </c>
      <c r="C19" s="660"/>
      <c r="D19" s="660"/>
      <c r="E19" s="660"/>
    </row>
    <row r="20" spans="1:5" ht="11.25" customHeight="1" x14ac:dyDescent="0.2">
      <c r="A20" s="17" t="s">
        <v>65</v>
      </c>
      <c r="B20" s="659">
        <v>13829280585.000002</v>
      </c>
      <c r="C20" s="660"/>
      <c r="D20" s="660"/>
      <c r="E20" s="660"/>
    </row>
    <row r="21" spans="1:5" ht="11.25" customHeight="1" x14ac:dyDescent="0.2">
      <c r="A21" s="17" t="s">
        <v>66</v>
      </c>
      <c r="B21" s="659">
        <v>10810809075.699999</v>
      </c>
      <c r="C21" s="660"/>
      <c r="D21" s="660"/>
      <c r="E21" s="660"/>
    </row>
    <row r="22" spans="1:5" ht="11.25" customHeight="1" x14ac:dyDescent="0.2">
      <c r="A22" s="19" t="s">
        <v>67</v>
      </c>
      <c r="B22" s="659">
        <v>8385194299.3900003</v>
      </c>
      <c r="C22" s="660"/>
      <c r="D22" s="660"/>
      <c r="E22" s="660"/>
    </row>
    <row r="23" spans="1:5" ht="11.25" customHeight="1" x14ac:dyDescent="0.2">
      <c r="A23" s="17" t="s">
        <v>553</v>
      </c>
      <c r="B23" s="659">
        <v>7853384105.2299986</v>
      </c>
      <c r="C23" s="660"/>
      <c r="D23" s="660"/>
      <c r="E23" s="660"/>
    </row>
    <row r="24" spans="1:5" ht="11.25" customHeight="1" x14ac:dyDescent="0.2">
      <c r="A24" s="70" t="s">
        <v>68</v>
      </c>
      <c r="B24" s="659">
        <v>0</v>
      </c>
      <c r="C24" s="660"/>
      <c r="D24" s="660"/>
      <c r="E24" s="660"/>
    </row>
    <row r="25" spans="1:5" ht="21" customHeight="1" x14ac:dyDescent="0.2">
      <c r="A25" s="36" t="s">
        <v>254</v>
      </c>
      <c r="B25" s="690" t="s">
        <v>115</v>
      </c>
      <c r="C25" s="691"/>
      <c r="D25" s="691"/>
      <c r="E25" s="691"/>
    </row>
    <row r="26" spans="1:5" ht="11.25" customHeight="1" x14ac:dyDescent="0.2">
      <c r="A26" s="17" t="s">
        <v>252</v>
      </c>
      <c r="B26" s="659">
        <v>10810809075.700003</v>
      </c>
      <c r="C26" s="660"/>
      <c r="D26" s="660"/>
      <c r="E26" s="660"/>
    </row>
    <row r="27" spans="1:5" ht="11.25" customHeight="1" x14ac:dyDescent="0.2">
      <c r="A27" s="71" t="s">
        <v>253</v>
      </c>
      <c r="B27" s="659">
        <v>8385194299.3899984</v>
      </c>
      <c r="C27" s="660"/>
      <c r="D27" s="660"/>
      <c r="E27" s="660"/>
    </row>
    <row r="28" spans="1:5" ht="23.25" customHeight="1" x14ac:dyDescent="0.2">
      <c r="A28" s="35" t="s">
        <v>255</v>
      </c>
      <c r="B28" s="691" t="s">
        <v>115</v>
      </c>
      <c r="C28" s="691"/>
      <c r="D28" s="691"/>
      <c r="E28" s="691"/>
    </row>
    <row r="29" spans="1:5" ht="11.25" customHeight="1" x14ac:dyDescent="0.2">
      <c r="A29" s="297" t="s">
        <v>256</v>
      </c>
      <c r="B29" s="663">
        <v>8277846556.6599998</v>
      </c>
      <c r="C29" s="664"/>
      <c r="D29" s="664"/>
      <c r="E29" s="664"/>
    </row>
    <row r="30" spans="1:5" ht="11.25" customHeight="1" x14ac:dyDescent="0.2">
      <c r="A30" s="17"/>
      <c r="B30" s="72"/>
      <c r="C30" s="73"/>
      <c r="D30" s="25"/>
    </row>
    <row r="31" spans="1:5" ht="21.75" customHeight="1" x14ac:dyDescent="0.2">
      <c r="A31" s="36" t="s">
        <v>70</v>
      </c>
      <c r="B31" s="690" t="s">
        <v>115</v>
      </c>
      <c r="C31" s="691"/>
      <c r="D31" s="691"/>
      <c r="E31" s="691"/>
    </row>
    <row r="32" spans="1:5" s="226" customFormat="1" ht="11.25" customHeight="1" x14ac:dyDescent="0.2">
      <c r="A32" s="153" t="s">
        <v>257</v>
      </c>
      <c r="B32" s="1010"/>
      <c r="C32" s="1011"/>
      <c r="D32" s="1011"/>
      <c r="E32" s="1011"/>
    </row>
    <row r="33" spans="1:5" ht="11.25" customHeight="1" x14ac:dyDescent="0.2">
      <c r="A33" s="17" t="s">
        <v>71</v>
      </c>
      <c r="B33" s="1004"/>
      <c r="C33" s="1005"/>
      <c r="D33" s="1005"/>
      <c r="E33" s="1005"/>
    </row>
    <row r="34" spans="1:5" ht="11.25" customHeight="1" x14ac:dyDescent="0.2">
      <c r="A34" s="17" t="s">
        <v>72</v>
      </c>
      <c r="B34" s="1004"/>
      <c r="C34" s="1005"/>
      <c r="D34" s="1005"/>
      <c r="E34" s="1005"/>
    </row>
    <row r="35" spans="1:5" ht="11.25" customHeight="1" x14ac:dyDescent="0.2">
      <c r="A35" s="17" t="s">
        <v>103</v>
      </c>
      <c r="B35" s="1004"/>
      <c r="C35" s="1005"/>
      <c r="D35" s="1005"/>
      <c r="E35" s="1005"/>
    </row>
    <row r="36" spans="1:5" ht="11.25" customHeight="1" x14ac:dyDescent="0.2">
      <c r="A36" s="153" t="s">
        <v>317</v>
      </c>
      <c r="B36" s="1004"/>
      <c r="C36" s="1005"/>
      <c r="D36" s="1005"/>
      <c r="E36" s="1005"/>
    </row>
    <row r="37" spans="1:5" s="68" customFormat="1" ht="11.25" customHeight="1" x14ac:dyDescent="0.2">
      <c r="A37" s="214" t="s">
        <v>73</v>
      </c>
      <c r="B37" s="1004">
        <v>564387640.6400001</v>
      </c>
      <c r="C37" s="1005"/>
      <c r="D37" s="1005"/>
      <c r="E37" s="1005"/>
    </row>
    <row r="38" spans="1:5" ht="11.25" customHeight="1" x14ac:dyDescent="0.2">
      <c r="A38" s="17" t="s">
        <v>74</v>
      </c>
      <c r="B38" s="1004">
        <v>1219720692.4000001</v>
      </c>
      <c r="C38" s="1005"/>
      <c r="D38" s="1005"/>
      <c r="E38" s="1005"/>
    </row>
    <row r="39" spans="1:5" ht="11.25" customHeight="1" x14ac:dyDescent="0.2">
      <c r="A39" s="70" t="s">
        <v>104</v>
      </c>
      <c r="B39" s="1006">
        <v>-655333051.75999999</v>
      </c>
      <c r="C39" s="1007"/>
      <c r="D39" s="1007"/>
      <c r="E39" s="1007"/>
    </row>
    <row r="40" spans="1:5" ht="11.25" customHeight="1" x14ac:dyDescent="0.2">
      <c r="E40" s="17"/>
    </row>
    <row r="41" spans="1:5" ht="11.25" customHeight="1" x14ac:dyDescent="0.2">
      <c r="A41" s="33"/>
      <c r="B41" s="29" t="s">
        <v>260</v>
      </c>
      <c r="C41" s="29" t="s">
        <v>261</v>
      </c>
      <c r="D41" s="739" t="s">
        <v>262</v>
      </c>
      <c r="E41" s="740"/>
    </row>
    <row r="42" spans="1:5" ht="11.25" customHeight="1" x14ac:dyDescent="0.2">
      <c r="A42" s="41" t="s">
        <v>263</v>
      </c>
      <c r="B42" s="30" t="s">
        <v>264</v>
      </c>
      <c r="C42" s="30" t="s">
        <v>115</v>
      </c>
      <c r="D42" s="765"/>
      <c r="E42" s="770"/>
    </row>
    <row r="43" spans="1:5" ht="11.25" customHeight="1" x14ac:dyDescent="0.2">
      <c r="A43" s="74"/>
      <c r="B43" s="30" t="s">
        <v>265</v>
      </c>
      <c r="C43" s="768" t="s">
        <v>117</v>
      </c>
      <c r="D43" s="765" t="s">
        <v>118</v>
      </c>
      <c r="E43" s="770"/>
    </row>
    <row r="44" spans="1:5" ht="11.25" customHeight="1" x14ac:dyDescent="0.2">
      <c r="A44" s="51"/>
      <c r="B44" s="75" t="s">
        <v>116</v>
      </c>
      <c r="C44" s="743"/>
      <c r="D44" s="766"/>
      <c r="E44" s="767"/>
    </row>
    <row r="45" spans="1:5" ht="11.25" customHeight="1" x14ac:dyDescent="0.2">
      <c r="A45" s="19" t="s">
        <v>266</v>
      </c>
      <c r="B45" s="344">
        <v>-279873000</v>
      </c>
      <c r="C45" s="344">
        <v>31984175.009998322</v>
      </c>
      <c r="D45" s="1014">
        <v>-11.428103107480293</v>
      </c>
      <c r="E45" s="1015"/>
    </row>
    <row r="46" spans="1:5" ht="11.25" customHeight="1" x14ac:dyDescent="0.2">
      <c r="A46" s="71" t="s">
        <v>267</v>
      </c>
      <c r="B46" s="345">
        <v>471749000</v>
      </c>
      <c r="C46" s="448">
        <v>326278951.61000156</v>
      </c>
      <c r="D46" s="1006">
        <v>69.163676363914192</v>
      </c>
      <c r="E46" s="1007"/>
    </row>
    <row r="48" spans="1:5" ht="11.25" customHeight="1" x14ac:dyDescent="0.2">
      <c r="A48" s="741" t="s">
        <v>75</v>
      </c>
      <c r="B48" s="742" t="s">
        <v>268</v>
      </c>
      <c r="C48" s="29" t="s">
        <v>269</v>
      </c>
      <c r="D48" s="31" t="s">
        <v>554</v>
      </c>
      <c r="E48" s="31" t="s">
        <v>270</v>
      </c>
    </row>
    <row r="49" spans="1:6" ht="11.25" customHeight="1" x14ac:dyDescent="0.2">
      <c r="A49" s="745"/>
      <c r="B49" s="743"/>
      <c r="C49" s="75" t="s">
        <v>115</v>
      </c>
      <c r="D49" s="37" t="s">
        <v>115</v>
      </c>
      <c r="E49" s="37" t="s">
        <v>5</v>
      </c>
    </row>
    <row r="50" spans="1:6" s="68" customFormat="1" ht="11.25" customHeight="1" x14ac:dyDescent="0.2">
      <c r="A50" s="140" t="s">
        <v>271</v>
      </c>
      <c r="B50" s="441">
        <v>145403813.37</v>
      </c>
      <c r="C50" s="325">
        <v>0</v>
      </c>
      <c r="D50" s="442">
        <v>90203368.269999996</v>
      </c>
      <c r="E50" s="442">
        <v>55200445.100000016</v>
      </c>
      <c r="F50" s="202"/>
    </row>
    <row r="51" spans="1:6" ht="11.25" customHeight="1" x14ac:dyDescent="0.2">
      <c r="A51" s="19" t="s">
        <v>272</v>
      </c>
      <c r="B51" s="228">
        <v>115280339.71000001</v>
      </c>
      <c r="C51" s="443">
        <v>0</v>
      </c>
      <c r="D51" s="443">
        <v>60090588.439999998</v>
      </c>
      <c r="E51" s="443">
        <v>55189751.270000011</v>
      </c>
    </row>
    <row r="52" spans="1:6" ht="11.25" customHeight="1" x14ac:dyDescent="0.2">
      <c r="A52" s="19" t="s">
        <v>273</v>
      </c>
      <c r="B52" s="228">
        <v>5807246.6800000006</v>
      </c>
      <c r="C52" s="443">
        <v>0</v>
      </c>
      <c r="D52" s="443">
        <v>5807246.6800000006</v>
      </c>
      <c r="E52" s="443">
        <v>0</v>
      </c>
    </row>
    <row r="53" spans="1:6" ht="11.25" customHeight="1" x14ac:dyDescent="0.2">
      <c r="A53" s="19" t="s">
        <v>274</v>
      </c>
      <c r="B53" s="228">
        <v>24195296.159999996</v>
      </c>
      <c r="C53" s="443">
        <v>0</v>
      </c>
      <c r="D53" s="443">
        <v>24190740.459999997</v>
      </c>
      <c r="E53" s="443">
        <v>4555.6999999992549</v>
      </c>
    </row>
    <row r="54" spans="1:6" ht="11.25" customHeight="1" x14ac:dyDescent="0.2">
      <c r="A54" s="19" t="s">
        <v>275</v>
      </c>
      <c r="B54" s="228">
        <v>120930.82</v>
      </c>
      <c r="C54" s="443">
        <v>0</v>
      </c>
      <c r="D54" s="443">
        <v>114792.69</v>
      </c>
      <c r="E54" s="443">
        <v>6138.1300000000047</v>
      </c>
    </row>
    <row r="55" spans="1:6" s="68" customFormat="1" ht="11.25" customHeight="1" x14ac:dyDescent="0.2">
      <c r="A55" s="140" t="s">
        <v>276</v>
      </c>
      <c r="B55" s="441">
        <v>113506559.31999999</v>
      </c>
      <c r="C55" s="441">
        <v>38264163.280000009</v>
      </c>
      <c r="D55" s="441">
        <v>47191918.68</v>
      </c>
      <c r="E55" s="325">
        <v>28050477.359999996</v>
      </c>
    </row>
    <row r="56" spans="1:6" ht="11.25" customHeight="1" x14ac:dyDescent="0.2">
      <c r="A56" s="19" t="s">
        <v>272</v>
      </c>
      <c r="B56" s="228">
        <v>99243844.459999993</v>
      </c>
      <c r="C56" s="443">
        <v>36734492.620000005</v>
      </c>
      <c r="D56" s="443">
        <v>36192459.919999994</v>
      </c>
      <c r="E56" s="443">
        <v>26316891.919999994</v>
      </c>
    </row>
    <row r="57" spans="1:6" ht="11.25" customHeight="1" x14ac:dyDescent="0.2">
      <c r="A57" s="19" t="s">
        <v>273</v>
      </c>
      <c r="B57" s="228">
        <v>0</v>
      </c>
      <c r="C57" s="443">
        <v>0</v>
      </c>
      <c r="D57" s="443">
        <v>0</v>
      </c>
      <c r="E57" s="443">
        <v>0</v>
      </c>
    </row>
    <row r="58" spans="1:6" ht="11.25" customHeight="1" x14ac:dyDescent="0.2">
      <c r="A58" s="19" t="s">
        <v>274</v>
      </c>
      <c r="B58" s="228">
        <v>8303103.4199999999</v>
      </c>
      <c r="C58" s="443">
        <v>1154215.6000000001</v>
      </c>
      <c r="D58" s="443">
        <v>6911925.1600000001</v>
      </c>
      <c r="E58" s="443">
        <v>236962.66000000015</v>
      </c>
    </row>
    <row r="59" spans="1:6" ht="11.25" customHeight="1" x14ac:dyDescent="0.2">
      <c r="A59" s="19" t="s">
        <v>275</v>
      </c>
      <c r="B59" s="228">
        <v>5959611.4399999995</v>
      </c>
      <c r="C59" s="443">
        <v>375455.06</v>
      </c>
      <c r="D59" s="444">
        <v>4087533.6</v>
      </c>
      <c r="E59" s="444">
        <v>1496622.7799999998</v>
      </c>
    </row>
    <row r="60" spans="1:6" ht="11.25" customHeight="1" x14ac:dyDescent="0.2">
      <c r="A60" s="255" t="s">
        <v>170</v>
      </c>
      <c r="B60" s="445">
        <v>258910372.69</v>
      </c>
      <c r="C60" s="445">
        <v>38264163.280000009</v>
      </c>
      <c r="D60" s="445">
        <v>137395286.94999999</v>
      </c>
      <c r="E60" s="229">
        <v>83250922.460000008</v>
      </c>
    </row>
    <row r="61" spans="1:6" ht="11.25" customHeight="1" x14ac:dyDescent="0.2">
      <c r="A61" s="33"/>
      <c r="B61" s="32" t="s">
        <v>277</v>
      </c>
      <c r="C61" s="690" t="s">
        <v>278</v>
      </c>
      <c r="D61" s="691"/>
      <c r="E61" s="691"/>
    </row>
    <row r="62" spans="1:6" ht="11.25" customHeight="1" x14ac:dyDescent="0.2">
      <c r="A62" s="41" t="s">
        <v>76</v>
      </c>
      <c r="B62" s="40" t="s">
        <v>115</v>
      </c>
      <c r="C62" s="31" t="s">
        <v>279</v>
      </c>
      <c r="D62" s="739" t="s">
        <v>294</v>
      </c>
      <c r="E62" s="740"/>
    </row>
    <row r="63" spans="1:6" ht="11.25" customHeight="1" x14ac:dyDescent="0.2">
      <c r="A63" s="39"/>
      <c r="B63" s="39"/>
      <c r="C63" s="75" t="s">
        <v>295</v>
      </c>
      <c r="D63" s="37"/>
      <c r="E63" s="38"/>
    </row>
    <row r="64" spans="1:6" ht="10.5" x14ac:dyDescent="0.2">
      <c r="A64" s="295" t="s">
        <v>804</v>
      </c>
      <c r="B64" s="228">
        <v>1895257928.7035</v>
      </c>
      <c r="C64" s="526">
        <v>25</v>
      </c>
      <c r="D64" s="1012">
        <v>39.185504489777131</v>
      </c>
      <c r="E64" s="1013"/>
    </row>
    <row r="65" spans="1:5" ht="10.5" x14ac:dyDescent="0.2">
      <c r="A65" s="295" t="s">
        <v>77</v>
      </c>
      <c r="B65" s="228">
        <v>618673384.30999994</v>
      </c>
      <c r="C65" s="526">
        <v>60</v>
      </c>
      <c r="D65" s="1004">
        <v>107.86318572930935</v>
      </c>
      <c r="E65" s="1005"/>
    </row>
    <row r="66" spans="1:5" ht="15" customHeight="1" x14ac:dyDescent="0.2">
      <c r="A66" s="295" t="s">
        <v>78</v>
      </c>
      <c r="B66" s="228">
        <v>0</v>
      </c>
      <c r="C66" s="526">
        <v>60</v>
      </c>
      <c r="D66" s="1004">
        <v>0</v>
      </c>
      <c r="E66" s="1005"/>
    </row>
    <row r="67" spans="1:5" ht="10.5" x14ac:dyDescent="0.2">
      <c r="A67" s="296" t="s">
        <v>79</v>
      </c>
      <c r="B67" s="345">
        <v>0</v>
      </c>
      <c r="C67" s="527">
        <v>0</v>
      </c>
      <c r="D67" s="1004">
        <v>0</v>
      </c>
      <c r="E67" s="1005"/>
    </row>
    <row r="68" spans="1:5" ht="21.75" customHeight="1" x14ac:dyDescent="0.2">
      <c r="A68" s="33" t="s">
        <v>296</v>
      </c>
      <c r="B68" s="690" t="s">
        <v>297</v>
      </c>
      <c r="C68" s="692"/>
      <c r="D68" s="690" t="s">
        <v>349</v>
      </c>
      <c r="E68" s="691"/>
    </row>
    <row r="69" spans="1:5" ht="11.25" customHeight="1" x14ac:dyDescent="0.2">
      <c r="A69" s="18" t="s">
        <v>299</v>
      </c>
      <c r="B69" s="1004"/>
      <c r="C69" s="1005"/>
      <c r="D69" s="1004"/>
      <c r="E69" s="1005"/>
    </row>
    <row r="70" spans="1:5" ht="11.25" customHeight="1" x14ac:dyDescent="0.2">
      <c r="A70" s="71" t="s">
        <v>300</v>
      </c>
      <c r="B70" s="1004"/>
      <c r="C70" s="1005"/>
      <c r="D70" s="1004"/>
      <c r="E70" s="1005"/>
    </row>
    <row r="71" spans="1:5" ht="21.75" customHeight="1" x14ac:dyDescent="0.2">
      <c r="A71" s="36" t="s">
        <v>301</v>
      </c>
      <c r="B71" s="2" t="s">
        <v>302</v>
      </c>
      <c r="C71" s="3" t="s">
        <v>303</v>
      </c>
      <c r="D71" s="2" t="s">
        <v>304</v>
      </c>
      <c r="E71" s="34" t="s">
        <v>305</v>
      </c>
    </row>
    <row r="72" spans="1:5" s="68" customFormat="1" ht="11.25" customHeight="1" x14ac:dyDescent="0.2">
      <c r="A72" s="140" t="s">
        <v>257</v>
      </c>
      <c r="B72" s="528"/>
      <c r="C72" s="528"/>
      <c r="D72" s="528"/>
      <c r="E72" s="442"/>
    </row>
    <row r="73" spans="1:5" ht="11.25" customHeight="1" x14ac:dyDescent="0.2">
      <c r="A73" s="19" t="s">
        <v>258</v>
      </c>
      <c r="B73" s="465"/>
      <c r="C73" s="465"/>
      <c r="D73" s="465"/>
      <c r="E73" s="443"/>
    </row>
    <row r="74" spans="1:5" ht="11.25" customHeight="1" x14ac:dyDescent="0.2">
      <c r="A74" s="19" t="s">
        <v>259</v>
      </c>
      <c r="B74" s="465"/>
      <c r="C74" s="465"/>
      <c r="D74" s="465"/>
      <c r="E74" s="443"/>
    </row>
    <row r="75" spans="1:5" ht="11.25" customHeight="1" x14ac:dyDescent="0.2">
      <c r="A75" s="19" t="s">
        <v>103</v>
      </c>
      <c r="B75" s="465"/>
      <c r="C75" s="465"/>
      <c r="D75" s="465"/>
      <c r="E75" s="443"/>
    </row>
    <row r="76" spans="1:5" s="68" customFormat="1" ht="11.25" customHeight="1" x14ac:dyDescent="0.2">
      <c r="A76" s="140" t="s">
        <v>317</v>
      </c>
      <c r="B76" s="529"/>
      <c r="C76" s="529"/>
      <c r="D76" s="529"/>
      <c r="E76" s="325"/>
    </row>
    <row r="77" spans="1:5" ht="11.25" customHeight="1" x14ac:dyDescent="0.2">
      <c r="A77" s="19" t="s">
        <v>6</v>
      </c>
      <c r="B77" s="465"/>
      <c r="C77" s="465"/>
      <c r="D77" s="465"/>
      <c r="E77" s="443"/>
    </row>
    <row r="78" spans="1:5" ht="11.25" customHeight="1" x14ac:dyDescent="0.2">
      <c r="A78" s="19" t="s">
        <v>7</v>
      </c>
      <c r="B78" s="465"/>
      <c r="C78" s="465"/>
      <c r="D78" s="465"/>
      <c r="E78" s="443"/>
    </row>
    <row r="79" spans="1:5" ht="11.25" customHeight="1" x14ac:dyDescent="0.2">
      <c r="A79" s="19" t="s">
        <v>104</v>
      </c>
      <c r="B79" s="465"/>
      <c r="C79" s="465"/>
      <c r="D79" s="465"/>
      <c r="E79" s="443"/>
    </row>
    <row r="80" spans="1:5" ht="21" customHeight="1" x14ac:dyDescent="0.2">
      <c r="A80" s="36" t="s">
        <v>306</v>
      </c>
      <c r="B80" s="690" t="s">
        <v>297</v>
      </c>
      <c r="C80" s="692"/>
      <c r="D80" s="690" t="s">
        <v>298</v>
      </c>
      <c r="E80" s="691"/>
    </row>
    <row r="81" spans="1:21" ht="11.25" customHeight="1" x14ac:dyDescent="0.2">
      <c r="A81" s="19" t="s">
        <v>307</v>
      </c>
      <c r="B81" s="1004"/>
      <c r="C81" s="1005"/>
      <c r="D81" s="1004"/>
      <c r="E81" s="1005"/>
    </row>
    <row r="82" spans="1:21" ht="11.25" customHeight="1" x14ac:dyDescent="0.2">
      <c r="A82" s="71" t="s">
        <v>308</v>
      </c>
      <c r="B82" s="1006"/>
      <c r="C82" s="1007"/>
      <c r="D82" s="1006"/>
      <c r="E82" s="1007"/>
    </row>
    <row r="83" spans="1:21" ht="11.25" customHeight="1" x14ac:dyDescent="0.2">
      <c r="A83" s="70"/>
      <c r="B83" s="70"/>
    </row>
    <row r="84" spans="1:21" ht="15" customHeight="1" x14ac:dyDescent="0.2">
      <c r="A84" s="33"/>
      <c r="B84" s="752" t="s">
        <v>803</v>
      </c>
      <c r="C84" s="690" t="s">
        <v>309</v>
      </c>
      <c r="D84" s="691"/>
      <c r="E84" s="691"/>
    </row>
    <row r="85" spans="1:21" ht="13.5" customHeight="1" x14ac:dyDescent="0.2">
      <c r="A85" s="41" t="s">
        <v>243</v>
      </c>
      <c r="B85" s="1003"/>
      <c r="C85" s="31" t="s">
        <v>279</v>
      </c>
      <c r="D85" s="739" t="s">
        <v>294</v>
      </c>
      <c r="E85" s="740"/>
    </row>
    <row r="86" spans="1:21" ht="12.75" customHeight="1" x14ac:dyDescent="0.2">
      <c r="A86" s="39"/>
      <c r="B86" s="753"/>
      <c r="C86" s="75" t="s">
        <v>295</v>
      </c>
      <c r="D86" s="766"/>
      <c r="E86" s="767"/>
    </row>
    <row r="87" spans="1:21" ht="11.25" customHeight="1" x14ac:dyDescent="0.2">
      <c r="A87" s="299" t="s">
        <v>432</v>
      </c>
      <c r="B87" s="530">
        <v>636811567.41000009</v>
      </c>
      <c r="C87" s="346">
        <v>12</v>
      </c>
      <c r="D87" s="1010">
        <v>13.166430888357686</v>
      </c>
      <c r="E87" s="1011"/>
    </row>
    <row r="88" spans="1:21" ht="11.25" customHeight="1" x14ac:dyDescent="0.2">
      <c r="A88" s="22"/>
      <c r="B88" s="22"/>
      <c r="C88" s="77"/>
      <c r="D88" s="22"/>
      <c r="E88" s="22"/>
    </row>
    <row r="89" spans="1:21" ht="21.75" customHeight="1" x14ac:dyDescent="0.2">
      <c r="A89" s="4" t="s">
        <v>81</v>
      </c>
      <c r="B89" s="690" t="s">
        <v>80</v>
      </c>
      <c r="C89" s="691"/>
      <c r="D89" s="691"/>
      <c r="E89" s="691"/>
    </row>
    <row r="90" spans="1:21" ht="15" customHeight="1" x14ac:dyDescent="0.2">
      <c r="A90" s="298" t="s">
        <v>210</v>
      </c>
      <c r="B90" s="951">
        <v>0</v>
      </c>
      <c r="C90" s="952"/>
      <c r="D90" s="952"/>
      <c r="E90" s="952"/>
    </row>
    <row r="91" spans="1:21" ht="10.5" x14ac:dyDescent="0.2">
      <c r="A91" s="179" t="s">
        <v>862</v>
      </c>
      <c r="B91" s="179"/>
      <c r="C91" s="179"/>
      <c r="D91" s="179"/>
      <c r="E91" s="303"/>
      <c r="F91" s="14"/>
      <c r="G91" s="14"/>
      <c r="H91" s="14"/>
      <c r="I91" s="14"/>
      <c r="J91" s="14"/>
      <c r="K91" s="14"/>
      <c r="L91" s="14"/>
      <c r="M91" s="14"/>
      <c r="N91" s="14"/>
      <c r="O91" s="14"/>
      <c r="P91" s="14"/>
      <c r="Q91" s="14"/>
      <c r="R91" s="14"/>
      <c r="S91" s="14"/>
      <c r="T91" s="14"/>
      <c r="U91" s="14"/>
    </row>
    <row r="92" spans="1:21" ht="11.25" customHeight="1" x14ac:dyDescent="0.2">
      <c r="A92" s="17"/>
    </row>
    <row r="94" spans="1:21" s="273" customFormat="1" ht="11.25" customHeight="1" x14ac:dyDescent="0.2">
      <c r="C94" s="69"/>
    </row>
    <row r="95" spans="1:21" s="273" customFormat="1" ht="11.25" customHeight="1" x14ac:dyDescent="0.2">
      <c r="C95" s="69"/>
    </row>
    <row r="101" s="46" customFormat="1" ht="11.25" customHeight="1" x14ac:dyDescent="0.2"/>
    <row r="102" s="46" customFormat="1" ht="11.25" customHeight="1" x14ac:dyDescent="0.2"/>
    <row r="103" s="46" customFormat="1" ht="11.25" customHeight="1" x14ac:dyDescent="0.2"/>
    <row r="104" s="46" customFormat="1" ht="11.25" customHeight="1" x14ac:dyDescent="0.2"/>
    <row r="105" s="46" customFormat="1" ht="11.25" customHeight="1" x14ac:dyDescent="0.2"/>
    <row r="106" s="46" customFormat="1" ht="11.25" customHeight="1" x14ac:dyDescent="0.2"/>
    <row r="107" s="46" customFormat="1" ht="11.25" customHeight="1" x14ac:dyDescent="0.2"/>
  </sheetData>
  <customSheetViews>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58" orientation="portrait" r:id="rId1"/>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2"/>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3"/>
      <headerFooter alignWithMargins="0"/>
    </customSheetView>
    <customSheetView guid="{82EDB5A4-4824-4632-A540-7A52C92F04C7}" showPageBreaks="1" showGridLines="0" fitToPage="1">
      <selection activeCell="C45" sqref="C45"/>
      <pageMargins left="0.19685039370078741" right="0.19685039370078741" top="0.59055118110236227" bottom="0.19685039370078741" header="0" footer="0"/>
      <printOptions horizontalCentered="1"/>
      <pageSetup paperSize="9" scale="58" orientation="portrait" r:id="rId4"/>
      <headerFooter alignWithMargins="0"/>
    </customSheetView>
    <customSheetView guid="{C779D862-DE28-46CD-A428-4AAA1056D1E1}" showPageBreaks="1" showGridLines="0" fitToPage="1" printArea="1" topLeftCell="A55">
      <selection activeCell="B66" sqref="B66"/>
      <pageMargins left="0.19685039370078741" right="0.19685039370078741" top="0.59055118110236227" bottom="0.19685039370078741" header="0" footer="0"/>
      <printOptions horizontalCentered="1"/>
      <pageSetup paperSize="9" scale="57" orientation="portrait" r:id="rId5"/>
      <headerFooter alignWithMargins="0"/>
    </customSheetView>
    <customSheetView guid="{25EF1E0D-169B-4051-B414-7E1196FC05E4}" showPageBreaks="1" showGridLines="0" fitToPage="1" printArea="1">
      <selection activeCell="B66" sqref="B66"/>
      <pageMargins left="0.19685039370078741" right="0.19685039370078741" top="0.59055118110236227" bottom="0.19685039370078741" header="0" footer="0"/>
      <printOptions horizontalCentered="1"/>
      <pageSetup paperSize="9" scale="57" orientation="portrait" r:id="rId6"/>
      <headerFooter alignWithMargins="0"/>
    </customSheetView>
    <customSheetView guid="{3AAF6A5F-F9AA-430B-9AD9-1261ECDF41B5}" showPageBreaks="1" showGridLines="0" fitToPage="1" topLeftCell="A52">
      <selection activeCell="C66" sqref="C66"/>
      <pageMargins left="0.19685039370078741" right="0.19685039370078741" top="0.59055118110236227" bottom="0.19685039370078741" header="0" footer="0"/>
      <printOptions horizontalCentered="1"/>
      <pageSetup paperSize="9" scale="57" orientation="portrait" r:id="rId7"/>
      <headerFooter alignWithMargins="0"/>
    </customSheetView>
  </customSheetViews>
  <mergeCells count="65">
    <mergeCell ref="B90:E90"/>
    <mergeCell ref="B84:B86"/>
    <mergeCell ref="D85:E86"/>
    <mergeCell ref="B89:E89"/>
    <mergeCell ref="C84:E84"/>
    <mergeCell ref="B81:C81"/>
    <mergeCell ref="D81:E81"/>
    <mergeCell ref="D82:E82"/>
    <mergeCell ref="B82:C82"/>
    <mergeCell ref="D87:E87"/>
    <mergeCell ref="C43:C44"/>
    <mergeCell ref="D64:E64"/>
    <mergeCell ref="D65:E65"/>
    <mergeCell ref="D66:E66"/>
    <mergeCell ref="D67:E67"/>
    <mergeCell ref="C61:E61"/>
    <mergeCell ref="D43:E44"/>
    <mergeCell ref="D45:E45"/>
    <mergeCell ref="D46:E46"/>
    <mergeCell ref="B17:E17"/>
    <mergeCell ref="B18:E18"/>
    <mergeCell ref="B19:E19"/>
    <mergeCell ref="B20:E20"/>
    <mergeCell ref="B21:E21"/>
    <mergeCell ref="A48:A49"/>
    <mergeCell ref="A3:E3"/>
    <mergeCell ref="A4:E4"/>
    <mergeCell ref="A5:E5"/>
    <mergeCell ref="A6:E6"/>
    <mergeCell ref="B10:E10"/>
    <mergeCell ref="B25:E25"/>
    <mergeCell ref="B28:E28"/>
    <mergeCell ref="B31:E31"/>
    <mergeCell ref="B22:E22"/>
    <mergeCell ref="B24:E24"/>
    <mergeCell ref="B26:E26"/>
    <mergeCell ref="B27:E27"/>
    <mergeCell ref="B32:E32"/>
    <mergeCell ref="B11:E11"/>
    <mergeCell ref="A7:E7"/>
    <mergeCell ref="B12:E12"/>
    <mergeCell ref="B13:E13"/>
    <mergeCell ref="B14:E14"/>
    <mergeCell ref="B15:E15"/>
    <mergeCell ref="B48:B49"/>
    <mergeCell ref="B16:E16"/>
    <mergeCell ref="D41:E42"/>
    <mergeCell ref="B23:E23"/>
    <mergeCell ref="B38:E38"/>
    <mergeCell ref="B33:E33"/>
    <mergeCell ref="B29:E29"/>
    <mergeCell ref="B39:E39"/>
    <mergeCell ref="B34:E34"/>
    <mergeCell ref="B35:E35"/>
    <mergeCell ref="B36:E36"/>
    <mergeCell ref="B37:E37"/>
    <mergeCell ref="B68:C68"/>
    <mergeCell ref="D68:E68"/>
    <mergeCell ref="D62:E62"/>
    <mergeCell ref="B80:C80"/>
    <mergeCell ref="D80:E80"/>
    <mergeCell ref="D69:E69"/>
    <mergeCell ref="D70:E70"/>
    <mergeCell ref="B69:C69"/>
    <mergeCell ref="B70:C70"/>
  </mergeCells>
  <phoneticPr fontId="0" type="noConversion"/>
  <printOptions horizontalCentered="1"/>
  <pageMargins left="0.19685039370078741" right="0.19685039370078741" top="0.59055118110236227" bottom="0.19685039370078741" header="0" footer="0"/>
  <pageSetup paperSize="9" scale="57" orientation="portrait" r:id="rId8"/>
  <headerFooter alignWithMargins="0"/>
  <drawing r:id="rId9"/>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N94"/>
  <sheetViews>
    <sheetView showGridLines="0" zoomScaleNormal="100" workbookViewId="0"/>
  </sheetViews>
  <sheetFormatPr defaultRowHeight="11.25" customHeight="1" x14ac:dyDescent="0.2"/>
  <cols>
    <col min="1" max="1" width="57.42578125" style="46" customWidth="1"/>
    <col min="2" max="2" width="17.140625" style="46" customWidth="1"/>
    <col min="3" max="3" width="19.28515625" style="46" customWidth="1"/>
    <col min="4" max="4" width="17.5703125" style="46" bestFit="1" customWidth="1"/>
    <col min="5" max="5" width="19" style="46" bestFit="1" customWidth="1"/>
    <col min="6" max="6" width="16.85546875" style="46" customWidth="1"/>
    <col min="7" max="7" width="17.85546875" style="46" customWidth="1"/>
    <col min="8" max="8" width="18.5703125" style="46" bestFit="1" customWidth="1"/>
    <col min="9" max="9" width="17.42578125" style="46" bestFit="1" customWidth="1"/>
    <col min="10" max="10" width="18.5703125" style="46" customWidth="1"/>
    <col min="11" max="11" width="8" style="46" bestFit="1" customWidth="1"/>
    <col min="12" max="12" width="19" style="46" bestFit="1" customWidth="1"/>
    <col min="13" max="13" width="13.85546875" style="46" customWidth="1"/>
    <col min="14" max="14" width="18.5703125" style="46" customWidth="1"/>
    <col min="15" max="15" width="6.5703125" style="46" customWidth="1"/>
    <col min="16" max="17" width="15.42578125" style="46" customWidth="1"/>
    <col min="18" max="18" width="22" style="46" customWidth="1"/>
    <col min="19" max="19" width="13.42578125" style="46" customWidth="1"/>
    <col min="20" max="16384" width="9.140625" style="46"/>
  </cols>
  <sheetData>
    <row r="1" spans="1:14" s="23" customFormat="1" ht="10.5" x14ac:dyDescent="0.2">
      <c r="A1" s="300"/>
      <c r="B1" s="300"/>
      <c r="C1" s="300"/>
      <c r="D1" s="300"/>
      <c r="E1" s="300"/>
      <c r="F1" s="300"/>
      <c r="G1" s="300"/>
      <c r="H1" s="300"/>
      <c r="I1" s="300"/>
      <c r="J1" s="300"/>
      <c r="K1" s="300"/>
      <c r="L1" s="300"/>
    </row>
    <row r="2" spans="1:14" s="23" customFormat="1" ht="10.5" x14ac:dyDescent="0.2">
      <c r="A2" s="728"/>
      <c r="B2" s="728"/>
      <c r="C2" s="728"/>
      <c r="D2" s="728"/>
      <c r="E2" s="728"/>
      <c r="F2" s="728"/>
      <c r="G2" s="728"/>
      <c r="H2" s="728"/>
      <c r="I2" s="728"/>
      <c r="J2" s="728"/>
      <c r="K2" s="728"/>
      <c r="L2" s="728"/>
    </row>
    <row r="3" spans="1:14" ht="10.5" x14ac:dyDescent="0.2">
      <c r="A3" s="681" t="s">
        <v>641</v>
      </c>
      <c r="B3" s="681"/>
      <c r="C3" s="681"/>
      <c r="D3" s="681"/>
      <c r="E3" s="681"/>
      <c r="F3" s="681"/>
      <c r="G3" s="681"/>
      <c r="H3" s="681"/>
      <c r="I3" s="681"/>
      <c r="J3" s="681"/>
      <c r="K3" s="681"/>
      <c r="L3" s="681"/>
    </row>
    <row r="4" spans="1:14" ht="10.5" x14ac:dyDescent="0.2">
      <c r="A4" s="681" t="s">
        <v>105</v>
      </c>
      <c r="B4" s="681"/>
      <c r="C4" s="681"/>
      <c r="D4" s="681"/>
      <c r="E4" s="681"/>
      <c r="F4" s="681"/>
      <c r="G4" s="681"/>
      <c r="H4" s="681"/>
      <c r="I4" s="681"/>
      <c r="J4" s="681"/>
      <c r="K4" s="681"/>
      <c r="L4" s="681"/>
    </row>
    <row r="5" spans="1:14" ht="10.5" x14ac:dyDescent="0.2">
      <c r="A5" s="681" t="s">
        <v>106</v>
      </c>
      <c r="B5" s="681"/>
      <c r="C5" s="681"/>
      <c r="D5" s="681"/>
      <c r="E5" s="681"/>
      <c r="F5" s="681"/>
      <c r="G5" s="681"/>
      <c r="H5" s="681"/>
      <c r="I5" s="681"/>
      <c r="J5" s="681"/>
      <c r="K5" s="681"/>
      <c r="L5" s="681"/>
    </row>
    <row r="6" spans="1:14" ht="10.5" x14ac:dyDescent="0.2">
      <c r="A6" s="681" t="s">
        <v>107</v>
      </c>
      <c r="B6" s="681"/>
      <c r="C6" s="681"/>
      <c r="D6" s="681"/>
      <c r="E6" s="681"/>
      <c r="F6" s="681"/>
      <c r="G6" s="681"/>
      <c r="H6" s="681"/>
      <c r="I6" s="681"/>
      <c r="J6" s="681"/>
      <c r="K6" s="681"/>
      <c r="L6" s="681"/>
    </row>
    <row r="7" spans="1:14" ht="10.5" x14ac:dyDescent="0.2">
      <c r="A7" s="681" t="s">
        <v>879</v>
      </c>
      <c r="B7" s="681"/>
      <c r="C7" s="681"/>
      <c r="D7" s="681"/>
      <c r="E7" s="681"/>
      <c r="F7" s="681"/>
      <c r="G7" s="681"/>
      <c r="H7" s="681"/>
      <c r="I7" s="681"/>
      <c r="J7" s="681"/>
      <c r="K7" s="681"/>
      <c r="L7" s="681"/>
    </row>
    <row r="8" spans="1:14" s="23" customFormat="1" ht="10.5" x14ac:dyDescent="0.2">
      <c r="A8" s="47"/>
      <c r="B8" s="47"/>
      <c r="C8" s="47"/>
      <c r="D8" s="399"/>
      <c r="E8" s="399"/>
      <c r="F8" s="47"/>
      <c r="G8" s="47"/>
      <c r="H8" s="47"/>
      <c r="I8" s="47"/>
      <c r="J8" s="47"/>
      <c r="K8" s="47"/>
    </row>
    <row r="9" spans="1:14" s="23" customFormat="1" ht="9.75" customHeight="1" x14ac:dyDescent="0.2">
      <c r="A9" s="23" t="s">
        <v>863</v>
      </c>
      <c r="B9" s="111"/>
      <c r="D9" s="309"/>
      <c r="E9" s="309"/>
      <c r="H9" s="129"/>
      <c r="I9" s="47"/>
      <c r="J9" s="129"/>
      <c r="L9" s="223">
        <v>1</v>
      </c>
    </row>
    <row r="10" spans="1:14" ht="10.5" x14ac:dyDescent="0.2">
      <c r="A10" s="685" t="s">
        <v>539</v>
      </c>
      <c r="B10" s="686" t="s">
        <v>429</v>
      </c>
      <c r="C10" s="694"/>
      <c r="D10" s="731" t="s">
        <v>235</v>
      </c>
      <c r="E10" s="732"/>
      <c r="F10" s="690" t="s">
        <v>109</v>
      </c>
      <c r="G10" s="691"/>
      <c r="H10" s="691"/>
      <c r="I10" s="691"/>
      <c r="J10" s="691"/>
      <c r="K10" s="692"/>
      <c r="L10" s="735" t="s">
        <v>161</v>
      </c>
    </row>
    <row r="11" spans="1:14" ht="10.5" x14ac:dyDescent="0.15">
      <c r="A11" s="729"/>
      <c r="B11" s="695"/>
      <c r="C11" s="696"/>
      <c r="D11" s="733"/>
      <c r="E11" s="734"/>
      <c r="F11" s="735" t="s">
        <v>113</v>
      </c>
      <c r="G11" s="737"/>
      <c r="H11" s="404" t="s">
        <v>114</v>
      </c>
      <c r="I11" s="684" t="s">
        <v>115</v>
      </c>
      <c r="J11" s="685"/>
      <c r="K11" s="405" t="s">
        <v>114</v>
      </c>
      <c r="L11" s="736"/>
    </row>
    <row r="12" spans="1:14" ht="10.5" x14ac:dyDescent="0.2">
      <c r="A12" s="730"/>
      <c r="B12" s="697"/>
      <c r="C12" s="698"/>
      <c r="D12" s="682" t="s">
        <v>116</v>
      </c>
      <c r="E12" s="683"/>
      <c r="F12" s="682" t="s">
        <v>117</v>
      </c>
      <c r="G12" s="683"/>
      <c r="H12" s="372" t="s">
        <v>118</v>
      </c>
      <c r="I12" s="682" t="s">
        <v>152</v>
      </c>
      <c r="J12" s="683"/>
      <c r="K12" s="402" t="s">
        <v>153</v>
      </c>
      <c r="L12" s="402" t="s">
        <v>154</v>
      </c>
    </row>
    <row r="13" spans="1:14" ht="10.5" x14ac:dyDescent="0.2">
      <c r="A13" s="143" t="s">
        <v>864</v>
      </c>
      <c r="B13" s="679">
        <v>1179764000</v>
      </c>
      <c r="C13" s="680"/>
      <c r="D13" s="679">
        <v>1364170061.1700001</v>
      </c>
      <c r="E13" s="680"/>
      <c r="F13" s="679">
        <v>257966896.59</v>
      </c>
      <c r="G13" s="680"/>
      <c r="H13" s="540">
        <v>18.91017138792439</v>
      </c>
      <c r="I13" s="679">
        <v>780307786.74000001</v>
      </c>
      <c r="J13" s="680"/>
      <c r="K13" s="406">
        <v>57.200184122994003</v>
      </c>
      <c r="L13" s="407">
        <v>583862274.42999995</v>
      </c>
    </row>
    <row r="14" spans="1:14" ht="10.5" x14ac:dyDescent="0.2">
      <c r="A14" s="144" t="s">
        <v>8</v>
      </c>
      <c r="B14" s="665">
        <v>1179764000</v>
      </c>
      <c r="C14" s="676"/>
      <c r="D14" s="665">
        <v>1364170061.1700001</v>
      </c>
      <c r="E14" s="676"/>
      <c r="F14" s="665">
        <v>257966896.59</v>
      </c>
      <c r="G14" s="676"/>
      <c r="H14" s="538">
        <v>18.91017138792439</v>
      </c>
      <c r="I14" s="665">
        <v>780307786.74000001</v>
      </c>
      <c r="J14" s="676"/>
      <c r="K14" s="406">
        <v>57.200184122994003</v>
      </c>
      <c r="L14" s="407">
        <v>583862274.42999995</v>
      </c>
    </row>
    <row r="15" spans="1:14" ht="10.5" x14ac:dyDescent="0.2">
      <c r="A15" s="144" t="s">
        <v>9</v>
      </c>
      <c r="B15" s="659">
        <v>0</v>
      </c>
      <c r="C15" s="672"/>
      <c r="D15" s="659">
        <v>0</v>
      </c>
      <c r="E15" s="672"/>
      <c r="F15" s="659">
        <v>0</v>
      </c>
      <c r="G15" s="672"/>
      <c r="H15" s="408">
        <v>0</v>
      </c>
      <c r="I15" s="659">
        <v>0</v>
      </c>
      <c r="J15" s="672"/>
      <c r="K15" s="408">
        <v>0</v>
      </c>
      <c r="L15" s="409">
        <v>0</v>
      </c>
      <c r="M15" s="25"/>
      <c r="N15" s="58"/>
    </row>
    <row r="16" spans="1:14" ht="10.5" x14ac:dyDescent="0.2">
      <c r="A16" s="26" t="s">
        <v>10</v>
      </c>
      <c r="B16" s="659">
        <v>0</v>
      </c>
      <c r="C16" s="672"/>
      <c r="D16" s="659">
        <v>0</v>
      </c>
      <c r="E16" s="672"/>
      <c r="F16" s="659">
        <v>0</v>
      </c>
      <c r="G16" s="672"/>
      <c r="H16" s="408">
        <v>0</v>
      </c>
      <c r="I16" s="659">
        <v>0</v>
      </c>
      <c r="J16" s="672"/>
      <c r="K16" s="408">
        <v>0</v>
      </c>
      <c r="L16" s="409">
        <v>0</v>
      </c>
    </row>
    <row r="17" spans="1:14" ht="10.5" x14ac:dyDescent="0.2">
      <c r="A17" s="26" t="s">
        <v>11</v>
      </c>
      <c r="B17" s="659">
        <v>0</v>
      </c>
      <c r="C17" s="672"/>
      <c r="D17" s="659">
        <v>0</v>
      </c>
      <c r="E17" s="672"/>
      <c r="F17" s="659">
        <v>0</v>
      </c>
      <c r="G17" s="672"/>
      <c r="H17" s="408">
        <v>0</v>
      </c>
      <c r="I17" s="659">
        <v>0</v>
      </c>
      <c r="J17" s="672"/>
      <c r="K17" s="408">
        <v>0</v>
      </c>
      <c r="L17" s="409">
        <v>0</v>
      </c>
    </row>
    <row r="18" spans="1:14" ht="10.5" x14ac:dyDescent="0.2">
      <c r="A18" s="26" t="s">
        <v>12</v>
      </c>
      <c r="B18" s="659">
        <v>0</v>
      </c>
      <c r="C18" s="672"/>
      <c r="D18" s="659">
        <v>0</v>
      </c>
      <c r="E18" s="672"/>
      <c r="F18" s="659">
        <v>0</v>
      </c>
      <c r="G18" s="672"/>
      <c r="H18" s="408">
        <v>0</v>
      </c>
      <c r="I18" s="659">
        <v>0</v>
      </c>
      <c r="J18" s="672"/>
      <c r="K18" s="408">
        <v>0</v>
      </c>
      <c r="L18" s="409">
        <v>0</v>
      </c>
    </row>
    <row r="19" spans="1:14" ht="10.5" x14ac:dyDescent="0.2">
      <c r="A19" s="144" t="s">
        <v>13</v>
      </c>
      <c r="B19" s="659">
        <v>1179742000</v>
      </c>
      <c r="C19" s="672"/>
      <c r="D19" s="659">
        <v>1179742000</v>
      </c>
      <c r="E19" s="672"/>
      <c r="F19" s="659">
        <v>202166200.18000001</v>
      </c>
      <c r="G19" s="672"/>
      <c r="H19" s="408">
        <v>17.136475617550278</v>
      </c>
      <c r="I19" s="659">
        <v>595901725.57000005</v>
      </c>
      <c r="J19" s="672"/>
      <c r="K19" s="408">
        <v>50.511190206841839</v>
      </c>
      <c r="L19" s="409">
        <v>583840274.42999995</v>
      </c>
      <c r="M19" s="58"/>
      <c r="N19" s="58"/>
    </row>
    <row r="20" spans="1:14" ht="10.5" x14ac:dyDescent="0.2">
      <c r="A20" s="26" t="s">
        <v>14</v>
      </c>
      <c r="B20" s="659">
        <v>1179742000</v>
      </c>
      <c r="C20" s="672"/>
      <c r="D20" s="659">
        <v>1179742000</v>
      </c>
      <c r="E20" s="672"/>
      <c r="F20" s="659">
        <v>202166200.18000001</v>
      </c>
      <c r="G20" s="672"/>
      <c r="H20" s="408">
        <v>17.136475617550278</v>
      </c>
      <c r="I20" s="659">
        <v>595901725.57000005</v>
      </c>
      <c r="J20" s="672"/>
      <c r="K20" s="408">
        <v>50.511190206841839</v>
      </c>
      <c r="L20" s="409">
        <v>583840274.42999995</v>
      </c>
    </row>
    <row r="21" spans="1:14" ht="10.5" x14ac:dyDescent="0.2">
      <c r="A21" s="26" t="s">
        <v>357</v>
      </c>
      <c r="B21" s="659">
        <v>0</v>
      </c>
      <c r="C21" s="672"/>
      <c r="D21" s="659">
        <v>0</v>
      </c>
      <c r="E21" s="672"/>
      <c r="F21" s="659">
        <v>0</v>
      </c>
      <c r="G21" s="672"/>
      <c r="H21" s="408">
        <v>0</v>
      </c>
      <c r="I21" s="659">
        <v>0</v>
      </c>
      <c r="J21" s="672"/>
      <c r="K21" s="408">
        <v>0</v>
      </c>
      <c r="L21" s="409">
        <v>0</v>
      </c>
    </row>
    <row r="22" spans="1:14" ht="10.5" x14ac:dyDescent="0.2">
      <c r="A22" s="26" t="s">
        <v>358</v>
      </c>
      <c r="B22" s="659">
        <v>0</v>
      </c>
      <c r="C22" s="672"/>
      <c r="D22" s="659">
        <v>0</v>
      </c>
      <c r="E22" s="672"/>
      <c r="F22" s="659">
        <v>0</v>
      </c>
      <c r="G22" s="672"/>
      <c r="H22" s="408">
        <v>0</v>
      </c>
      <c r="I22" s="659">
        <v>0</v>
      </c>
      <c r="J22" s="672"/>
      <c r="K22" s="408">
        <v>0</v>
      </c>
      <c r="L22" s="409">
        <v>0</v>
      </c>
    </row>
    <row r="23" spans="1:14" ht="10.5" x14ac:dyDescent="0.2">
      <c r="A23" s="144" t="s">
        <v>15</v>
      </c>
      <c r="B23" s="659">
        <v>0</v>
      </c>
      <c r="C23" s="672"/>
      <c r="D23" s="659">
        <v>0</v>
      </c>
      <c r="E23" s="672"/>
      <c r="F23" s="659">
        <v>0</v>
      </c>
      <c r="G23" s="672"/>
      <c r="H23" s="408">
        <v>0</v>
      </c>
      <c r="I23" s="659">
        <v>0</v>
      </c>
      <c r="J23" s="672"/>
      <c r="K23" s="408">
        <v>0</v>
      </c>
      <c r="L23" s="409">
        <v>0</v>
      </c>
    </row>
    <row r="24" spans="1:14" ht="10.5" x14ac:dyDescent="0.2">
      <c r="A24" s="26" t="s">
        <v>16</v>
      </c>
      <c r="B24" s="659">
        <v>0</v>
      </c>
      <c r="C24" s="672"/>
      <c r="D24" s="659">
        <v>0</v>
      </c>
      <c r="E24" s="672"/>
      <c r="F24" s="659">
        <v>0</v>
      </c>
      <c r="G24" s="672"/>
      <c r="H24" s="408">
        <v>0</v>
      </c>
      <c r="I24" s="659">
        <v>0</v>
      </c>
      <c r="J24" s="672"/>
      <c r="K24" s="408">
        <v>0</v>
      </c>
      <c r="L24" s="409">
        <v>0</v>
      </c>
    </row>
    <row r="25" spans="1:14" ht="10.5" x14ac:dyDescent="0.2">
      <c r="A25" s="26" t="s">
        <v>17</v>
      </c>
      <c r="B25" s="659">
        <v>0</v>
      </c>
      <c r="C25" s="672"/>
      <c r="D25" s="659">
        <v>0</v>
      </c>
      <c r="E25" s="672"/>
      <c r="F25" s="659">
        <v>0</v>
      </c>
      <c r="G25" s="672"/>
      <c r="H25" s="408">
        <v>0</v>
      </c>
      <c r="I25" s="659">
        <v>0</v>
      </c>
      <c r="J25" s="672"/>
      <c r="K25" s="408">
        <v>0</v>
      </c>
      <c r="L25" s="409">
        <v>0</v>
      </c>
    </row>
    <row r="26" spans="1:14" ht="10.5" x14ac:dyDescent="0.2">
      <c r="A26" s="26" t="s">
        <v>18</v>
      </c>
      <c r="B26" s="659">
        <v>0</v>
      </c>
      <c r="C26" s="672"/>
      <c r="D26" s="659">
        <v>0</v>
      </c>
      <c r="E26" s="672"/>
      <c r="F26" s="659">
        <v>0</v>
      </c>
      <c r="G26" s="672"/>
      <c r="H26" s="408">
        <v>0</v>
      </c>
      <c r="I26" s="659">
        <v>0</v>
      </c>
      <c r="J26" s="672"/>
      <c r="K26" s="408">
        <v>0</v>
      </c>
      <c r="L26" s="409">
        <v>0</v>
      </c>
    </row>
    <row r="27" spans="1:14" ht="10.5" x14ac:dyDescent="0.2">
      <c r="A27" s="26" t="s">
        <v>119</v>
      </c>
      <c r="B27" s="659">
        <v>0</v>
      </c>
      <c r="C27" s="672"/>
      <c r="D27" s="659">
        <v>0</v>
      </c>
      <c r="E27" s="672"/>
      <c r="F27" s="659">
        <v>0</v>
      </c>
      <c r="G27" s="672"/>
      <c r="H27" s="408">
        <v>0</v>
      </c>
      <c r="I27" s="659">
        <v>0</v>
      </c>
      <c r="J27" s="672"/>
      <c r="K27" s="408">
        <v>0</v>
      </c>
      <c r="L27" s="409">
        <v>0</v>
      </c>
    </row>
    <row r="28" spans="1:14" ht="21" x14ac:dyDescent="0.2">
      <c r="A28" s="52" t="s">
        <v>370</v>
      </c>
      <c r="B28" s="659">
        <v>0</v>
      </c>
      <c r="C28" s="672"/>
      <c r="D28" s="659">
        <v>0</v>
      </c>
      <c r="E28" s="672"/>
      <c r="F28" s="659">
        <v>0</v>
      </c>
      <c r="G28" s="672"/>
      <c r="H28" s="408">
        <v>0</v>
      </c>
      <c r="I28" s="659">
        <v>0</v>
      </c>
      <c r="J28" s="672"/>
      <c r="K28" s="408">
        <v>0</v>
      </c>
      <c r="L28" s="409">
        <v>0</v>
      </c>
    </row>
    <row r="29" spans="1:14" ht="10.5" x14ac:dyDescent="0.2">
      <c r="A29" s="52" t="s">
        <v>371</v>
      </c>
      <c r="B29" s="659">
        <v>0</v>
      </c>
      <c r="C29" s="672"/>
      <c r="D29" s="659">
        <v>0</v>
      </c>
      <c r="E29" s="672"/>
      <c r="F29" s="659">
        <v>0</v>
      </c>
      <c r="G29" s="672"/>
      <c r="H29" s="408">
        <v>0</v>
      </c>
      <c r="I29" s="659">
        <v>0</v>
      </c>
      <c r="J29" s="672"/>
      <c r="K29" s="408">
        <v>0</v>
      </c>
      <c r="L29" s="409">
        <v>0</v>
      </c>
    </row>
    <row r="30" spans="1:14" ht="10.5" x14ac:dyDescent="0.2">
      <c r="A30" s="26" t="s">
        <v>19</v>
      </c>
      <c r="B30" s="659">
        <v>0</v>
      </c>
      <c r="C30" s="672"/>
      <c r="D30" s="659">
        <v>0</v>
      </c>
      <c r="E30" s="672"/>
      <c r="F30" s="659">
        <v>0</v>
      </c>
      <c r="G30" s="672"/>
      <c r="H30" s="408">
        <v>0</v>
      </c>
      <c r="I30" s="659">
        <v>0</v>
      </c>
      <c r="J30" s="672"/>
      <c r="K30" s="408">
        <v>0</v>
      </c>
      <c r="L30" s="409">
        <v>0</v>
      </c>
    </row>
    <row r="31" spans="1:14" ht="10.5" x14ac:dyDescent="0.2">
      <c r="A31" s="144" t="s">
        <v>20</v>
      </c>
      <c r="B31" s="659">
        <v>0</v>
      </c>
      <c r="C31" s="672"/>
      <c r="D31" s="659">
        <v>0</v>
      </c>
      <c r="E31" s="672"/>
      <c r="F31" s="659">
        <v>0</v>
      </c>
      <c r="G31" s="672"/>
      <c r="H31" s="408">
        <v>0</v>
      </c>
      <c r="I31" s="659">
        <v>0</v>
      </c>
      <c r="J31" s="672"/>
      <c r="K31" s="408">
        <v>0</v>
      </c>
      <c r="L31" s="409">
        <v>0</v>
      </c>
    </row>
    <row r="32" spans="1:14" ht="10.5" x14ac:dyDescent="0.2">
      <c r="A32" s="26" t="s">
        <v>21</v>
      </c>
      <c r="B32" s="659">
        <v>0</v>
      </c>
      <c r="C32" s="672"/>
      <c r="D32" s="659">
        <v>0</v>
      </c>
      <c r="E32" s="672"/>
      <c r="F32" s="659">
        <v>0</v>
      </c>
      <c r="G32" s="672"/>
      <c r="H32" s="408">
        <v>0</v>
      </c>
      <c r="I32" s="659">
        <v>0</v>
      </c>
      <c r="J32" s="672"/>
      <c r="K32" s="408">
        <v>0</v>
      </c>
      <c r="L32" s="409">
        <v>0</v>
      </c>
    </row>
    <row r="33" spans="1:14" ht="10.5" x14ac:dyDescent="0.2">
      <c r="A33" s="26" t="s">
        <v>22</v>
      </c>
      <c r="B33" s="659">
        <v>0</v>
      </c>
      <c r="C33" s="672"/>
      <c r="D33" s="659">
        <v>0</v>
      </c>
      <c r="E33" s="672"/>
      <c r="F33" s="659">
        <v>0</v>
      </c>
      <c r="G33" s="672"/>
      <c r="H33" s="408">
        <v>0</v>
      </c>
      <c r="I33" s="659">
        <v>0</v>
      </c>
      <c r="J33" s="672"/>
      <c r="K33" s="408">
        <v>0</v>
      </c>
      <c r="L33" s="409">
        <v>0</v>
      </c>
    </row>
    <row r="34" spans="1:14" ht="10.5" x14ac:dyDescent="0.2">
      <c r="A34" s="26" t="s">
        <v>23</v>
      </c>
      <c r="B34" s="659">
        <v>0</v>
      </c>
      <c r="C34" s="672"/>
      <c r="D34" s="659">
        <v>0</v>
      </c>
      <c r="E34" s="672"/>
      <c r="F34" s="659">
        <v>0</v>
      </c>
      <c r="G34" s="672"/>
      <c r="H34" s="408">
        <v>0</v>
      </c>
      <c r="I34" s="659">
        <v>0</v>
      </c>
      <c r="J34" s="672"/>
      <c r="K34" s="408">
        <v>0</v>
      </c>
      <c r="L34" s="409">
        <v>0</v>
      </c>
    </row>
    <row r="35" spans="1:14" ht="10.5" x14ac:dyDescent="0.2">
      <c r="A35" s="144" t="s">
        <v>24</v>
      </c>
      <c r="B35" s="659">
        <v>0</v>
      </c>
      <c r="C35" s="672"/>
      <c r="D35" s="659">
        <v>0</v>
      </c>
      <c r="E35" s="672"/>
      <c r="F35" s="659">
        <v>0</v>
      </c>
      <c r="G35" s="672"/>
      <c r="H35" s="408">
        <v>0</v>
      </c>
      <c r="I35" s="659">
        <v>0</v>
      </c>
      <c r="J35" s="672"/>
      <c r="K35" s="408">
        <v>0</v>
      </c>
      <c r="L35" s="409">
        <v>0</v>
      </c>
    </row>
    <row r="36" spans="1:14" ht="10.5" x14ac:dyDescent="0.2">
      <c r="A36" s="26" t="s">
        <v>372</v>
      </c>
      <c r="B36" s="659">
        <v>0</v>
      </c>
      <c r="C36" s="672"/>
      <c r="D36" s="659">
        <v>0</v>
      </c>
      <c r="E36" s="672"/>
      <c r="F36" s="659">
        <v>0</v>
      </c>
      <c r="G36" s="672"/>
      <c r="H36" s="408">
        <v>0</v>
      </c>
      <c r="I36" s="659">
        <v>0</v>
      </c>
      <c r="J36" s="672"/>
      <c r="K36" s="408">
        <v>0</v>
      </c>
      <c r="L36" s="409">
        <v>0</v>
      </c>
    </row>
    <row r="37" spans="1:14" ht="10.5" x14ac:dyDescent="0.2">
      <c r="A37" s="26" t="s">
        <v>25</v>
      </c>
      <c r="B37" s="659">
        <v>0</v>
      </c>
      <c r="C37" s="672"/>
      <c r="D37" s="659">
        <v>0</v>
      </c>
      <c r="E37" s="672"/>
      <c r="F37" s="659">
        <v>0</v>
      </c>
      <c r="G37" s="672"/>
      <c r="H37" s="408">
        <v>0</v>
      </c>
      <c r="I37" s="659">
        <v>0</v>
      </c>
      <c r="J37" s="672"/>
      <c r="K37" s="408">
        <v>0</v>
      </c>
      <c r="L37" s="409">
        <v>0</v>
      </c>
    </row>
    <row r="38" spans="1:14" ht="10.5" x14ac:dyDescent="0.2">
      <c r="A38" s="26" t="s">
        <v>26</v>
      </c>
      <c r="B38" s="659">
        <v>0</v>
      </c>
      <c r="C38" s="672"/>
      <c r="D38" s="659">
        <v>0</v>
      </c>
      <c r="E38" s="672"/>
      <c r="F38" s="659">
        <v>0</v>
      </c>
      <c r="G38" s="672"/>
      <c r="H38" s="408">
        <v>0</v>
      </c>
      <c r="I38" s="659">
        <v>0</v>
      </c>
      <c r="J38" s="672"/>
      <c r="K38" s="408">
        <v>0</v>
      </c>
      <c r="L38" s="409">
        <v>0</v>
      </c>
    </row>
    <row r="39" spans="1:14" ht="10.5" x14ac:dyDescent="0.2">
      <c r="A39" s="53" t="s">
        <v>27</v>
      </c>
      <c r="B39" s="659">
        <v>0</v>
      </c>
      <c r="C39" s="672"/>
      <c r="D39" s="659">
        <v>0</v>
      </c>
      <c r="E39" s="672"/>
      <c r="F39" s="659">
        <v>0</v>
      </c>
      <c r="G39" s="672"/>
      <c r="H39" s="408">
        <v>0</v>
      </c>
      <c r="I39" s="659">
        <v>0</v>
      </c>
      <c r="J39" s="672"/>
      <c r="K39" s="408">
        <v>0</v>
      </c>
      <c r="L39" s="409">
        <v>0</v>
      </c>
    </row>
    <row r="40" spans="1:14" ht="10.5" x14ac:dyDescent="0.2">
      <c r="A40" s="144" t="s">
        <v>28</v>
      </c>
      <c r="B40" s="659">
        <v>3000</v>
      </c>
      <c r="C40" s="672"/>
      <c r="D40" s="659">
        <v>3000</v>
      </c>
      <c r="E40" s="672"/>
      <c r="F40" s="659">
        <v>0</v>
      </c>
      <c r="G40" s="672"/>
      <c r="H40" s="408">
        <v>0</v>
      </c>
      <c r="I40" s="659">
        <v>0</v>
      </c>
      <c r="J40" s="672"/>
      <c r="K40" s="408">
        <v>0</v>
      </c>
      <c r="L40" s="409">
        <v>3000</v>
      </c>
    </row>
    <row r="41" spans="1:14" ht="10.5" x14ac:dyDescent="0.2">
      <c r="A41" s="144" t="s">
        <v>29</v>
      </c>
      <c r="B41" s="659">
        <v>0</v>
      </c>
      <c r="C41" s="672"/>
      <c r="D41" s="659">
        <v>0</v>
      </c>
      <c r="E41" s="672"/>
      <c r="F41" s="659">
        <v>0</v>
      </c>
      <c r="G41" s="672"/>
      <c r="H41" s="408">
        <v>0</v>
      </c>
      <c r="I41" s="659">
        <v>0</v>
      </c>
      <c r="J41" s="672"/>
      <c r="K41" s="408">
        <v>0</v>
      </c>
      <c r="L41" s="409">
        <v>0</v>
      </c>
      <c r="M41" s="58"/>
      <c r="N41" s="58"/>
    </row>
    <row r="42" spans="1:14" ht="10.5" x14ac:dyDescent="0.2">
      <c r="A42" s="26" t="s">
        <v>30</v>
      </c>
      <c r="B42" s="659">
        <v>0</v>
      </c>
      <c r="C42" s="672"/>
      <c r="D42" s="659">
        <v>0</v>
      </c>
      <c r="E42" s="672"/>
      <c r="F42" s="659">
        <v>0</v>
      </c>
      <c r="G42" s="672"/>
      <c r="H42" s="408">
        <v>0</v>
      </c>
      <c r="I42" s="659">
        <v>0</v>
      </c>
      <c r="J42" s="672"/>
      <c r="K42" s="408">
        <v>0</v>
      </c>
      <c r="L42" s="409">
        <v>0</v>
      </c>
    </row>
    <row r="43" spans="1:14" ht="10.5" x14ac:dyDescent="0.2">
      <c r="A43" s="26" t="s">
        <v>31</v>
      </c>
      <c r="B43" s="659">
        <v>0</v>
      </c>
      <c r="C43" s="672"/>
      <c r="D43" s="659">
        <v>0</v>
      </c>
      <c r="E43" s="672"/>
      <c r="F43" s="659">
        <v>0</v>
      </c>
      <c r="G43" s="672"/>
      <c r="H43" s="408">
        <v>0</v>
      </c>
      <c r="I43" s="659">
        <v>0</v>
      </c>
      <c r="J43" s="672"/>
      <c r="K43" s="408">
        <v>0</v>
      </c>
      <c r="L43" s="409">
        <v>0</v>
      </c>
    </row>
    <row r="44" spans="1:14" ht="10.5" x14ac:dyDescent="0.2">
      <c r="A44" s="26" t="s">
        <v>32</v>
      </c>
      <c r="B44" s="659">
        <v>0</v>
      </c>
      <c r="C44" s="672"/>
      <c r="D44" s="659">
        <v>0</v>
      </c>
      <c r="E44" s="672"/>
      <c r="F44" s="659">
        <v>0</v>
      </c>
      <c r="G44" s="672"/>
      <c r="H44" s="408">
        <v>0</v>
      </c>
      <c r="I44" s="659">
        <v>0</v>
      </c>
      <c r="J44" s="672"/>
      <c r="K44" s="408">
        <v>0</v>
      </c>
      <c r="L44" s="409">
        <v>0</v>
      </c>
    </row>
    <row r="45" spans="1:14" ht="10.5" x14ac:dyDescent="0.2">
      <c r="A45" s="26" t="s">
        <v>33</v>
      </c>
      <c r="B45" s="659">
        <v>0</v>
      </c>
      <c r="C45" s="672"/>
      <c r="D45" s="659">
        <v>0</v>
      </c>
      <c r="E45" s="672"/>
      <c r="F45" s="659">
        <v>0</v>
      </c>
      <c r="G45" s="672"/>
      <c r="H45" s="408">
        <v>0</v>
      </c>
      <c r="I45" s="659">
        <v>0</v>
      </c>
      <c r="J45" s="672"/>
      <c r="K45" s="408">
        <v>0</v>
      </c>
      <c r="L45" s="409">
        <v>0</v>
      </c>
    </row>
    <row r="46" spans="1:14" ht="10.5" x14ac:dyDescent="0.2">
      <c r="A46" s="26" t="s">
        <v>34</v>
      </c>
      <c r="B46" s="659">
        <v>0</v>
      </c>
      <c r="C46" s="672"/>
      <c r="D46" s="659">
        <v>0</v>
      </c>
      <c r="E46" s="672"/>
      <c r="F46" s="659">
        <v>0</v>
      </c>
      <c r="G46" s="672"/>
      <c r="H46" s="408">
        <v>0</v>
      </c>
      <c r="I46" s="659">
        <v>0</v>
      </c>
      <c r="J46" s="672"/>
      <c r="K46" s="408">
        <v>0</v>
      </c>
      <c r="L46" s="409">
        <v>0</v>
      </c>
    </row>
    <row r="47" spans="1:14" ht="10.5" x14ac:dyDescent="0.2">
      <c r="A47" s="54" t="s">
        <v>35</v>
      </c>
      <c r="B47" s="659">
        <v>0</v>
      </c>
      <c r="C47" s="672"/>
      <c r="D47" s="659">
        <v>0</v>
      </c>
      <c r="E47" s="672"/>
      <c r="F47" s="659">
        <v>0</v>
      </c>
      <c r="G47" s="672"/>
      <c r="H47" s="408">
        <v>0</v>
      </c>
      <c r="I47" s="659">
        <v>0</v>
      </c>
      <c r="J47" s="672"/>
      <c r="K47" s="408">
        <v>0</v>
      </c>
      <c r="L47" s="409">
        <v>0</v>
      </c>
    </row>
    <row r="48" spans="1:14" ht="10.5" x14ac:dyDescent="0.2">
      <c r="A48" s="144" t="s">
        <v>36</v>
      </c>
      <c r="B48" s="659">
        <v>19000</v>
      </c>
      <c r="C48" s="672"/>
      <c r="D48" s="659">
        <v>184425061.16999999</v>
      </c>
      <c r="E48" s="672"/>
      <c r="F48" s="659">
        <v>55800696.409999996</v>
      </c>
      <c r="G48" s="672"/>
      <c r="H48" s="408">
        <v>30.256569284021456</v>
      </c>
      <c r="I48" s="659">
        <v>184406061.16999999</v>
      </c>
      <c r="J48" s="672"/>
      <c r="K48" s="408">
        <v>99.989697712512893</v>
      </c>
      <c r="L48" s="409">
        <v>19000</v>
      </c>
    </row>
    <row r="49" spans="1:14" ht="10.5" x14ac:dyDescent="0.2">
      <c r="A49" s="26" t="s">
        <v>37</v>
      </c>
      <c r="B49" s="659">
        <v>19000</v>
      </c>
      <c r="C49" s="672"/>
      <c r="D49" s="659">
        <v>19000</v>
      </c>
      <c r="E49" s="672"/>
      <c r="F49" s="659">
        <v>0</v>
      </c>
      <c r="G49" s="672"/>
      <c r="H49" s="408">
        <v>0</v>
      </c>
      <c r="I49" s="659">
        <v>0</v>
      </c>
      <c r="J49" s="672"/>
      <c r="K49" s="408">
        <v>0</v>
      </c>
      <c r="L49" s="409">
        <v>19000</v>
      </c>
    </row>
    <row r="50" spans="1:14" ht="10.5" x14ac:dyDescent="0.2">
      <c r="A50" s="26" t="s">
        <v>38</v>
      </c>
      <c r="B50" s="659">
        <v>0</v>
      </c>
      <c r="C50" s="672"/>
      <c r="D50" s="659">
        <v>0</v>
      </c>
      <c r="E50" s="672"/>
      <c r="F50" s="659">
        <v>0</v>
      </c>
      <c r="G50" s="672"/>
      <c r="H50" s="408">
        <v>0</v>
      </c>
      <c r="I50" s="659">
        <v>0</v>
      </c>
      <c r="J50" s="672"/>
      <c r="K50" s="408">
        <v>0</v>
      </c>
      <c r="L50" s="409">
        <v>0</v>
      </c>
    </row>
    <row r="51" spans="1:14" ht="10.5" x14ac:dyDescent="0.2">
      <c r="A51" s="26" t="s">
        <v>39</v>
      </c>
      <c r="B51" s="659">
        <v>0</v>
      </c>
      <c r="C51" s="672"/>
      <c r="D51" s="659">
        <v>0</v>
      </c>
      <c r="E51" s="672"/>
      <c r="F51" s="659">
        <v>0</v>
      </c>
      <c r="G51" s="672"/>
      <c r="H51" s="408">
        <v>0</v>
      </c>
      <c r="I51" s="659">
        <v>0</v>
      </c>
      <c r="J51" s="672"/>
      <c r="K51" s="408">
        <v>0</v>
      </c>
      <c r="L51" s="409">
        <v>0</v>
      </c>
    </row>
    <row r="52" spans="1:14" ht="21" x14ac:dyDescent="0.2">
      <c r="A52" s="52" t="s">
        <v>373</v>
      </c>
      <c r="B52" s="659">
        <v>0</v>
      </c>
      <c r="C52" s="672"/>
      <c r="D52" s="659">
        <v>0</v>
      </c>
      <c r="E52" s="672"/>
      <c r="F52" s="659">
        <v>0</v>
      </c>
      <c r="G52" s="672"/>
      <c r="H52" s="408">
        <v>0</v>
      </c>
      <c r="I52" s="659">
        <v>0</v>
      </c>
      <c r="J52" s="672"/>
      <c r="K52" s="408">
        <v>0</v>
      </c>
      <c r="L52" s="409">
        <v>0</v>
      </c>
    </row>
    <row r="53" spans="1:14" ht="10.5" x14ac:dyDescent="0.2">
      <c r="A53" s="54" t="s">
        <v>54</v>
      </c>
      <c r="B53" s="659">
        <v>0</v>
      </c>
      <c r="C53" s="672"/>
      <c r="D53" s="659">
        <v>184406061.16999999</v>
      </c>
      <c r="E53" s="672"/>
      <c r="F53" s="659">
        <v>55800696.409999996</v>
      </c>
      <c r="G53" s="672"/>
      <c r="H53" s="408">
        <v>30.259686723940455</v>
      </c>
      <c r="I53" s="659">
        <v>184406061.16999999</v>
      </c>
      <c r="J53" s="672"/>
      <c r="K53" s="408">
        <v>100</v>
      </c>
      <c r="L53" s="409">
        <v>0</v>
      </c>
    </row>
    <row r="54" spans="1:14" ht="10.5" x14ac:dyDescent="0.2">
      <c r="A54" s="144" t="s">
        <v>40</v>
      </c>
      <c r="B54" s="665">
        <v>0</v>
      </c>
      <c r="C54" s="676"/>
      <c r="D54" s="665">
        <v>0</v>
      </c>
      <c r="E54" s="676"/>
      <c r="F54" s="665">
        <v>0</v>
      </c>
      <c r="G54" s="676"/>
      <c r="H54" s="406">
        <v>0</v>
      </c>
      <c r="I54" s="665">
        <v>0</v>
      </c>
      <c r="J54" s="676"/>
      <c r="K54" s="406">
        <v>0</v>
      </c>
      <c r="L54" s="537">
        <v>0</v>
      </c>
    </row>
    <row r="55" spans="1:14" ht="10.5" x14ac:dyDescent="0.2">
      <c r="A55" s="144" t="s">
        <v>41</v>
      </c>
      <c r="B55" s="659">
        <v>0</v>
      </c>
      <c r="C55" s="672"/>
      <c r="D55" s="659">
        <v>0</v>
      </c>
      <c r="E55" s="672"/>
      <c r="F55" s="659">
        <v>0</v>
      </c>
      <c r="G55" s="672"/>
      <c r="H55" s="408">
        <v>0</v>
      </c>
      <c r="I55" s="659">
        <v>0</v>
      </c>
      <c r="J55" s="672"/>
      <c r="K55" s="408">
        <v>0</v>
      </c>
      <c r="L55" s="409">
        <v>0</v>
      </c>
    </row>
    <row r="56" spans="1:14" ht="10.5" x14ac:dyDescent="0.2">
      <c r="A56" s="26" t="s">
        <v>42</v>
      </c>
      <c r="B56" s="659">
        <v>0</v>
      </c>
      <c r="C56" s="672"/>
      <c r="D56" s="659">
        <v>0</v>
      </c>
      <c r="E56" s="672"/>
      <c r="F56" s="659">
        <v>0</v>
      </c>
      <c r="G56" s="672"/>
      <c r="H56" s="408">
        <v>0</v>
      </c>
      <c r="I56" s="659">
        <v>0</v>
      </c>
      <c r="J56" s="672"/>
      <c r="K56" s="408">
        <v>0</v>
      </c>
      <c r="L56" s="409">
        <v>0</v>
      </c>
    </row>
    <row r="57" spans="1:14" ht="10.5" x14ac:dyDescent="0.2">
      <c r="A57" s="26" t="s">
        <v>43</v>
      </c>
      <c r="B57" s="659">
        <v>0</v>
      </c>
      <c r="C57" s="672"/>
      <c r="D57" s="659">
        <v>0</v>
      </c>
      <c r="E57" s="672"/>
      <c r="F57" s="659">
        <v>0</v>
      </c>
      <c r="G57" s="672"/>
      <c r="H57" s="408">
        <v>0</v>
      </c>
      <c r="I57" s="659">
        <v>0</v>
      </c>
      <c r="J57" s="672"/>
      <c r="K57" s="408">
        <v>0</v>
      </c>
      <c r="L57" s="409">
        <v>0</v>
      </c>
    </row>
    <row r="58" spans="1:14" ht="10.5" x14ac:dyDescent="0.2">
      <c r="A58" s="144" t="s">
        <v>44</v>
      </c>
      <c r="B58" s="659">
        <v>0</v>
      </c>
      <c r="C58" s="672"/>
      <c r="D58" s="659">
        <v>0</v>
      </c>
      <c r="E58" s="672"/>
      <c r="F58" s="659">
        <v>0</v>
      </c>
      <c r="G58" s="672"/>
      <c r="H58" s="408">
        <v>0</v>
      </c>
      <c r="I58" s="659">
        <v>0</v>
      </c>
      <c r="J58" s="672"/>
      <c r="K58" s="408">
        <v>0</v>
      </c>
      <c r="L58" s="409">
        <v>0</v>
      </c>
      <c r="M58" s="58"/>
      <c r="N58" s="58"/>
    </row>
    <row r="59" spans="1:14" ht="10.5" x14ac:dyDescent="0.2">
      <c r="A59" s="26" t="s">
        <v>45</v>
      </c>
      <c r="B59" s="659">
        <v>0</v>
      </c>
      <c r="C59" s="672"/>
      <c r="D59" s="659">
        <v>0</v>
      </c>
      <c r="E59" s="672"/>
      <c r="F59" s="659">
        <v>0</v>
      </c>
      <c r="G59" s="672"/>
      <c r="H59" s="408">
        <v>0</v>
      </c>
      <c r="I59" s="659">
        <v>0</v>
      </c>
      <c r="J59" s="672"/>
      <c r="K59" s="408">
        <v>0</v>
      </c>
      <c r="L59" s="409">
        <v>0</v>
      </c>
    </row>
    <row r="60" spans="1:14" ht="10.5" x14ac:dyDescent="0.2">
      <c r="A60" s="26" t="s">
        <v>46</v>
      </c>
      <c r="B60" s="659">
        <v>0</v>
      </c>
      <c r="C60" s="672"/>
      <c r="D60" s="659">
        <v>0</v>
      </c>
      <c r="E60" s="672"/>
      <c r="F60" s="659">
        <v>0</v>
      </c>
      <c r="G60" s="672"/>
      <c r="H60" s="408">
        <v>0</v>
      </c>
      <c r="I60" s="659">
        <v>0</v>
      </c>
      <c r="J60" s="672"/>
      <c r="K60" s="408">
        <v>0</v>
      </c>
      <c r="L60" s="409">
        <v>0</v>
      </c>
    </row>
    <row r="61" spans="1:14" ht="10.5" x14ac:dyDescent="0.2">
      <c r="A61" s="144" t="s">
        <v>47</v>
      </c>
      <c r="B61" s="659">
        <v>0</v>
      </c>
      <c r="C61" s="672"/>
      <c r="D61" s="659">
        <v>0</v>
      </c>
      <c r="E61" s="672"/>
      <c r="F61" s="659">
        <v>0</v>
      </c>
      <c r="G61" s="672"/>
      <c r="H61" s="408">
        <v>0</v>
      </c>
      <c r="I61" s="659">
        <v>0</v>
      </c>
      <c r="J61" s="672"/>
      <c r="K61" s="408">
        <v>0</v>
      </c>
      <c r="L61" s="409">
        <v>0</v>
      </c>
    </row>
    <row r="62" spans="1:14" ht="10.5" x14ac:dyDescent="0.2">
      <c r="A62" s="144" t="s">
        <v>48</v>
      </c>
      <c r="B62" s="659">
        <v>0</v>
      </c>
      <c r="C62" s="672"/>
      <c r="D62" s="659">
        <v>0</v>
      </c>
      <c r="E62" s="672"/>
      <c r="F62" s="659">
        <v>0</v>
      </c>
      <c r="G62" s="672"/>
      <c r="H62" s="408">
        <v>0</v>
      </c>
      <c r="I62" s="659">
        <v>0</v>
      </c>
      <c r="J62" s="672"/>
      <c r="K62" s="408">
        <v>0</v>
      </c>
      <c r="L62" s="409">
        <v>0</v>
      </c>
      <c r="M62" s="58"/>
      <c r="N62" s="58"/>
    </row>
    <row r="63" spans="1:14" ht="10.5" x14ac:dyDescent="0.2">
      <c r="A63" s="26" t="s">
        <v>30</v>
      </c>
      <c r="B63" s="659">
        <v>0</v>
      </c>
      <c r="C63" s="672"/>
      <c r="D63" s="659">
        <v>0</v>
      </c>
      <c r="E63" s="672"/>
      <c r="F63" s="659">
        <v>0</v>
      </c>
      <c r="G63" s="672"/>
      <c r="H63" s="408">
        <v>0</v>
      </c>
      <c r="I63" s="659">
        <v>0</v>
      </c>
      <c r="J63" s="672"/>
      <c r="K63" s="408">
        <v>0</v>
      </c>
      <c r="L63" s="409">
        <v>0</v>
      </c>
    </row>
    <row r="64" spans="1:14" ht="10.5" x14ac:dyDescent="0.2">
      <c r="A64" s="26" t="s">
        <v>31</v>
      </c>
      <c r="B64" s="659">
        <v>0</v>
      </c>
      <c r="C64" s="672"/>
      <c r="D64" s="659">
        <v>0</v>
      </c>
      <c r="E64" s="672"/>
      <c r="F64" s="659">
        <v>0</v>
      </c>
      <c r="G64" s="672"/>
      <c r="H64" s="408">
        <v>0</v>
      </c>
      <c r="I64" s="659">
        <v>0</v>
      </c>
      <c r="J64" s="672"/>
      <c r="K64" s="408">
        <v>0</v>
      </c>
      <c r="L64" s="409">
        <v>0</v>
      </c>
    </row>
    <row r="65" spans="1:12" ht="10.5" x14ac:dyDescent="0.2">
      <c r="A65" s="26" t="s">
        <v>32</v>
      </c>
      <c r="B65" s="659">
        <v>0</v>
      </c>
      <c r="C65" s="672"/>
      <c r="D65" s="659">
        <v>0</v>
      </c>
      <c r="E65" s="672"/>
      <c r="F65" s="659">
        <v>0</v>
      </c>
      <c r="G65" s="672"/>
      <c r="H65" s="408">
        <v>0</v>
      </c>
      <c r="I65" s="659">
        <v>0</v>
      </c>
      <c r="J65" s="672"/>
      <c r="K65" s="408">
        <v>0</v>
      </c>
      <c r="L65" s="409">
        <v>0</v>
      </c>
    </row>
    <row r="66" spans="1:12" ht="10.5" x14ac:dyDescent="0.2">
      <c r="A66" s="26" t="s">
        <v>33</v>
      </c>
      <c r="B66" s="659">
        <v>0</v>
      </c>
      <c r="C66" s="672"/>
      <c r="D66" s="659">
        <v>0</v>
      </c>
      <c r="E66" s="672"/>
      <c r="F66" s="659">
        <v>0</v>
      </c>
      <c r="G66" s="672"/>
      <c r="H66" s="408">
        <v>0</v>
      </c>
      <c r="I66" s="659">
        <v>0</v>
      </c>
      <c r="J66" s="672"/>
      <c r="K66" s="408">
        <v>0</v>
      </c>
      <c r="L66" s="409">
        <v>0</v>
      </c>
    </row>
    <row r="67" spans="1:12" ht="10.5" x14ac:dyDescent="0.2">
      <c r="A67" s="55" t="s">
        <v>49</v>
      </c>
      <c r="B67" s="659">
        <v>0</v>
      </c>
      <c r="C67" s="672"/>
      <c r="D67" s="659">
        <v>0</v>
      </c>
      <c r="E67" s="672"/>
      <c r="F67" s="659">
        <v>0</v>
      </c>
      <c r="G67" s="672"/>
      <c r="H67" s="408">
        <v>0</v>
      </c>
      <c r="I67" s="659">
        <v>0</v>
      </c>
      <c r="J67" s="672"/>
      <c r="K67" s="408">
        <v>0</v>
      </c>
      <c r="L67" s="409">
        <v>0</v>
      </c>
    </row>
    <row r="68" spans="1:12" ht="10.5" x14ac:dyDescent="0.2">
      <c r="A68" s="55" t="s">
        <v>34</v>
      </c>
      <c r="B68" s="659">
        <v>0</v>
      </c>
      <c r="C68" s="672"/>
      <c r="D68" s="659">
        <v>0</v>
      </c>
      <c r="E68" s="672"/>
      <c r="F68" s="659">
        <v>0</v>
      </c>
      <c r="G68" s="672"/>
      <c r="H68" s="408">
        <v>0</v>
      </c>
      <c r="I68" s="659">
        <v>0</v>
      </c>
      <c r="J68" s="672"/>
      <c r="K68" s="408">
        <v>0</v>
      </c>
      <c r="L68" s="409">
        <v>0</v>
      </c>
    </row>
    <row r="69" spans="1:12" ht="10.5" x14ac:dyDescent="0.2">
      <c r="A69" s="55" t="s">
        <v>35</v>
      </c>
      <c r="B69" s="659">
        <v>0</v>
      </c>
      <c r="C69" s="672"/>
      <c r="D69" s="659">
        <v>0</v>
      </c>
      <c r="E69" s="672"/>
      <c r="F69" s="659">
        <v>0</v>
      </c>
      <c r="G69" s="672"/>
      <c r="H69" s="408">
        <v>0</v>
      </c>
      <c r="I69" s="659">
        <v>0</v>
      </c>
      <c r="J69" s="672"/>
      <c r="K69" s="408">
        <v>0</v>
      </c>
      <c r="L69" s="409">
        <v>0</v>
      </c>
    </row>
    <row r="70" spans="1:12" ht="10.5" x14ac:dyDescent="0.2">
      <c r="A70" s="144" t="s">
        <v>50</v>
      </c>
      <c r="B70" s="659">
        <v>0</v>
      </c>
      <c r="C70" s="672"/>
      <c r="D70" s="659">
        <v>0</v>
      </c>
      <c r="E70" s="672">
        <v>0</v>
      </c>
      <c r="F70" s="659">
        <v>0</v>
      </c>
      <c r="G70" s="672"/>
      <c r="H70" s="408">
        <v>0</v>
      </c>
      <c r="I70" s="659">
        <v>0</v>
      </c>
      <c r="J70" s="672"/>
      <c r="K70" s="408">
        <v>0</v>
      </c>
      <c r="L70" s="409">
        <v>0</v>
      </c>
    </row>
    <row r="71" spans="1:12" ht="10.5" x14ac:dyDescent="0.2">
      <c r="A71" s="26" t="s">
        <v>51</v>
      </c>
      <c r="B71" s="659">
        <v>0</v>
      </c>
      <c r="C71" s="672"/>
      <c r="D71" s="659">
        <v>0</v>
      </c>
      <c r="E71" s="672"/>
      <c r="F71" s="659">
        <v>0</v>
      </c>
      <c r="G71" s="672"/>
      <c r="H71" s="408">
        <v>0</v>
      </c>
      <c r="I71" s="659">
        <v>0</v>
      </c>
      <c r="J71" s="672"/>
      <c r="K71" s="408">
        <v>0</v>
      </c>
      <c r="L71" s="409">
        <v>0</v>
      </c>
    </row>
    <row r="72" spans="1:12" ht="10.5" x14ac:dyDescent="0.2">
      <c r="A72" s="56" t="s">
        <v>52</v>
      </c>
      <c r="B72" s="659">
        <v>0</v>
      </c>
      <c r="C72" s="672"/>
      <c r="D72" s="659">
        <v>0</v>
      </c>
      <c r="E72" s="672"/>
      <c r="F72" s="659">
        <v>0</v>
      </c>
      <c r="G72" s="672"/>
      <c r="H72" s="408">
        <v>0</v>
      </c>
      <c r="I72" s="659">
        <v>0</v>
      </c>
      <c r="J72" s="672"/>
      <c r="K72" s="408">
        <v>0</v>
      </c>
      <c r="L72" s="409">
        <v>0</v>
      </c>
    </row>
    <row r="73" spans="1:12" ht="10.5" x14ac:dyDescent="0.2">
      <c r="A73" s="410" t="s">
        <v>53</v>
      </c>
      <c r="B73" s="710">
        <v>0</v>
      </c>
      <c r="C73" s="723"/>
      <c r="D73" s="710">
        <v>0</v>
      </c>
      <c r="E73" s="723"/>
      <c r="F73" s="710">
        <v>0</v>
      </c>
      <c r="G73" s="723"/>
      <c r="H73" s="411">
        <v>0</v>
      </c>
      <c r="I73" s="710">
        <v>0</v>
      </c>
      <c r="J73" s="723"/>
      <c r="K73" s="411">
        <v>0</v>
      </c>
      <c r="L73" s="412">
        <v>0</v>
      </c>
    </row>
    <row r="74" spans="1:12" ht="5.0999999999999996" customHeight="1" x14ac:dyDescent="0.2">
      <c r="F74" s="58"/>
      <c r="G74" s="58"/>
      <c r="H74" s="58"/>
      <c r="I74" s="58"/>
      <c r="J74" s="58"/>
      <c r="K74" s="58"/>
      <c r="L74" s="58"/>
    </row>
    <row r="75" spans="1:12" ht="5.0999999999999996" customHeight="1" x14ac:dyDescent="0.2">
      <c r="F75" s="58"/>
      <c r="G75" s="58"/>
      <c r="H75" s="58"/>
      <c r="I75" s="58"/>
      <c r="J75" s="58"/>
      <c r="K75" s="58"/>
      <c r="L75" s="58"/>
    </row>
    <row r="76" spans="1:12" ht="10.5" x14ac:dyDescent="0.2">
      <c r="A76" s="702" t="s">
        <v>540</v>
      </c>
      <c r="B76" s="400" t="s">
        <v>157</v>
      </c>
      <c r="C76" s="400" t="s">
        <v>157</v>
      </c>
      <c r="D76" s="712" t="s">
        <v>158</v>
      </c>
      <c r="E76" s="720"/>
      <c r="F76" s="667" t="s">
        <v>161</v>
      </c>
      <c r="G76" s="712" t="s">
        <v>159</v>
      </c>
      <c r="H76" s="713"/>
      <c r="I76" s="724" t="s">
        <v>161</v>
      </c>
      <c r="J76" s="726" t="s">
        <v>538</v>
      </c>
      <c r="K76" s="714" t="s">
        <v>639</v>
      </c>
      <c r="L76" s="715"/>
    </row>
    <row r="77" spans="1:12" ht="10.5" x14ac:dyDescent="0.2">
      <c r="A77" s="703"/>
      <c r="B77" s="401" t="s">
        <v>111</v>
      </c>
      <c r="C77" s="401" t="s">
        <v>112</v>
      </c>
      <c r="D77" s="61" t="s">
        <v>433</v>
      </c>
      <c r="E77" s="61" t="s">
        <v>434</v>
      </c>
      <c r="F77" s="668"/>
      <c r="G77" s="61" t="s">
        <v>433</v>
      </c>
      <c r="H77" s="62" t="s">
        <v>434</v>
      </c>
      <c r="I77" s="725"/>
      <c r="J77" s="727"/>
      <c r="K77" s="716"/>
      <c r="L77" s="717"/>
    </row>
    <row r="78" spans="1:12" ht="10.5" x14ac:dyDescent="0.2">
      <c r="A78" s="703"/>
      <c r="B78" s="401"/>
      <c r="C78" s="401"/>
      <c r="D78" s="62" t="s">
        <v>121</v>
      </c>
      <c r="E78" s="62" t="s">
        <v>121</v>
      </c>
      <c r="F78" s="668"/>
      <c r="G78" s="62" t="s">
        <v>121</v>
      </c>
      <c r="H78" s="62" t="s">
        <v>121</v>
      </c>
      <c r="I78" s="725"/>
      <c r="J78" s="727"/>
      <c r="K78" s="716"/>
      <c r="L78" s="717"/>
    </row>
    <row r="79" spans="1:12" s="377" customFormat="1" ht="15" customHeight="1" x14ac:dyDescent="0.2">
      <c r="A79" s="704"/>
      <c r="B79" s="374" t="s">
        <v>162</v>
      </c>
      <c r="C79" s="374" t="s">
        <v>163</v>
      </c>
      <c r="D79" s="376"/>
      <c r="E79" s="374" t="s">
        <v>233</v>
      </c>
      <c r="F79" s="375" t="s">
        <v>542</v>
      </c>
      <c r="G79" s="376"/>
      <c r="H79" s="374" t="s">
        <v>165</v>
      </c>
      <c r="I79" s="374" t="s">
        <v>543</v>
      </c>
      <c r="J79" s="374" t="s">
        <v>350</v>
      </c>
      <c r="K79" s="718"/>
      <c r="L79" s="719"/>
    </row>
    <row r="80" spans="1:12" ht="10.5" x14ac:dyDescent="0.2">
      <c r="A80" s="149" t="s">
        <v>865</v>
      </c>
      <c r="B80" s="575">
        <v>931270300</v>
      </c>
      <c r="C80" s="575">
        <v>1233533819.8099999</v>
      </c>
      <c r="D80" s="575">
        <v>248200530.23000002</v>
      </c>
      <c r="E80" s="575">
        <v>1147711465.77</v>
      </c>
      <c r="F80" s="575">
        <v>85822354.039999962</v>
      </c>
      <c r="G80" s="575">
        <v>264997108.12</v>
      </c>
      <c r="H80" s="575">
        <v>999372295.12</v>
      </c>
      <c r="I80" s="575">
        <v>234161524.68999994</v>
      </c>
      <c r="J80" s="575">
        <v>913349560.95000005</v>
      </c>
      <c r="K80" s="721">
        <v>0</v>
      </c>
      <c r="L80" s="722"/>
    </row>
    <row r="81" spans="1:12" ht="10.5" x14ac:dyDescent="0.2">
      <c r="A81" s="64" t="s">
        <v>86</v>
      </c>
      <c r="B81" s="575">
        <v>931270300</v>
      </c>
      <c r="C81" s="575">
        <v>1233533819.8099999</v>
      </c>
      <c r="D81" s="575">
        <v>248200530.23000002</v>
      </c>
      <c r="E81" s="575">
        <v>1147711465.77</v>
      </c>
      <c r="F81" s="575">
        <v>85822354.040000021</v>
      </c>
      <c r="G81" s="575">
        <v>264997108.12</v>
      </c>
      <c r="H81" s="575">
        <v>999372295.12</v>
      </c>
      <c r="I81" s="575">
        <v>234161524.69000009</v>
      </c>
      <c r="J81" s="575">
        <v>913349560.95000005</v>
      </c>
      <c r="K81" s="659">
        <v>0</v>
      </c>
      <c r="L81" s="660"/>
    </row>
    <row r="82" spans="1:12" s="45" customFormat="1" ht="10.5" x14ac:dyDescent="0.2">
      <c r="A82" s="64" t="s">
        <v>87</v>
      </c>
      <c r="B82" s="408">
        <v>710980400</v>
      </c>
      <c r="C82" s="408">
        <v>949736646.20000005</v>
      </c>
      <c r="D82" s="408">
        <v>191570604.86000001</v>
      </c>
      <c r="E82" s="408">
        <v>883577139.07000005</v>
      </c>
      <c r="F82" s="408">
        <v>66159507.129999995</v>
      </c>
      <c r="G82" s="409">
        <v>199479106.50999999</v>
      </c>
      <c r="H82" s="409">
        <v>753543922.88999999</v>
      </c>
      <c r="I82" s="409">
        <v>196192723.31000006</v>
      </c>
      <c r="J82" s="408">
        <v>689516301.24000001</v>
      </c>
      <c r="K82" s="659"/>
      <c r="L82" s="660"/>
    </row>
    <row r="83" spans="1:12" ht="10.5" x14ac:dyDescent="0.2">
      <c r="A83" s="64" t="s">
        <v>88</v>
      </c>
      <c r="B83" s="408">
        <v>0</v>
      </c>
      <c r="C83" s="408">
        <v>0</v>
      </c>
      <c r="D83" s="408">
        <v>0</v>
      </c>
      <c r="E83" s="408">
        <v>0</v>
      </c>
      <c r="F83" s="408">
        <v>0</v>
      </c>
      <c r="G83" s="409">
        <v>0</v>
      </c>
      <c r="H83" s="409">
        <v>0</v>
      </c>
      <c r="I83" s="409">
        <v>0</v>
      </c>
      <c r="J83" s="408">
        <v>0</v>
      </c>
      <c r="K83" s="659"/>
      <c r="L83" s="660"/>
    </row>
    <row r="84" spans="1:12" ht="10.5" x14ac:dyDescent="0.2">
      <c r="A84" s="64" t="s">
        <v>89</v>
      </c>
      <c r="B84" s="567">
        <v>220289900</v>
      </c>
      <c r="C84" s="567">
        <v>283797173.61000001</v>
      </c>
      <c r="D84" s="567">
        <v>56629925.369999997</v>
      </c>
      <c r="E84" s="567">
        <v>264134326.69999999</v>
      </c>
      <c r="F84" s="567">
        <v>19662846.910000026</v>
      </c>
      <c r="G84" s="567">
        <v>65518001.609999999</v>
      </c>
      <c r="H84" s="567">
        <v>245828372.22999999</v>
      </c>
      <c r="I84" s="567">
        <v>37968801.380000025</v>
      </c>
      <c r="J84" s="567">
        <v>223833259.71000001</v>
      </c>
      <c r="K84" s="659">
        <v>0</v>
      </c>
      <c r="L84" s="660"/>
    </row>
    <row r="85" spans="1:12" ht="10.5" x14ac:dyDescent="0.2">
      <c r="A85" s="65" t="s">
        <v>738</v>
      </c>
      <c r="B85" s="408">
        <v>0</v>
      </c>
      <c r="C85" s="408">
        <v>0</v>
      </c>
      <c r="D85" s="408">
        <v>0</v>
      </c>
      <c r="E85" s="408">
        <v>0</v>
      </c>
      <c r="F85" s="408">
        <v>0</v>
      </c>
      <c r="G85" s="409">
        <v>0</v>
      </c>
      <c r="H85" s="409">
        <v>0</v>
      </c>
      <c r="I85" s="409">
        <v>0</v>
      </c>
      <c r="J85" s="408">
        <v>0</v>
      </c>
      <c r="K85" s="659"/>
      <c r="L85" s="660"/>
    </row>
    <row r="86" spans="1:12" ht="10.5" x14ac:dyDescent="0.2">
      <c r="A86" s="65" t="s">
        <v>739</v>
      </c>
      <c r="B86" s="408">
        <v>220289900</v>
      </c>
      <c r="C86" s="408">
        <v>283797173.61000001</v>
      </c>
      <c r="D86" s="408">
        <v>56629925.369999997</v>
      </c>
      <c r="E86" s="408">
        <v>264134326.69999999</v>
      </c>
      <c r="F86" s="408">
        <v>19662846.910000026</v>
      </c>
      <c r="G86" s="409">
        <v>65518001.609999999</v>
      </c>
      <c r="H86" s="409">
        <v>245828372.22999999</v>
      </c>
      <c r="I86" s="409">
        <v>37968801.380000025</v>
      </c>
      <c r="J86" s="408">
        <v>223833259.71000001</v>
      </c>
      <c r="K86" s="659"/>
      <c r="L86" s="660"/>
    </row>
    <row r="87" spans="1:12" s="45" customFormat="1" ht="10.5" x14ac:dyDescent="0.2">
      <c r="A87" s="64" t="s">
        <v>90</v>
      </c>
      <c r="B87" s="567">
        <v>0</v>
      </c>
      <c r="C87" s="567">
        <v>0</v>
      </c>
      <c r="D87" s="567">
        <v>0</v>
      </c>
      <c r="E87" s="567">
        <v>0</v>
      </c>
      <c r="F87" s="567">
        <v>0</v>
      </c>
      <c r="G87" s="567">
        <v>0</v>
      </c>
      <c r="H87" s="567">
        <v>0</v>
      </c>
      <c r="I87" s="567">
        <v>0</v>
      </c>
      <c r="J87" s="567">
        <v>0</v>
      </c>
      <c r="K87" s="659">
        <v>0</v>
      </c>
      <c r="L87" s="660"/>
    </row>
    <row r="88" spans="1:12" ht="10.5" x14ac:dyDescent="0.2">
      <c r="A88" s="58" t="s">
        <v>91</v>
      </c>
      <c r="B88" s="408">
        <v>0</v>
      </c>
      <c r="C88" s="408">
        <v>0</v>
      </c>
      <c r="D88" s="408">
        <v>0</v>
      </c>
      <c r="E88" s="408">
        <v>0</v>
      </c>
      <c r="F88" s="408">
        <v>0</v>
      </c>
      <c r="G88" s="409">
        <v>0</v>
      </c>
      <c r="H88" s="409">
        <v>0</v>
      </c>
      <c r="I88" s="409">
        <v>0</v>
      </c>
      <c r="J88" s="408">
        <v>0</v>
      </c>
      <c r="K88" s="659"/>
      <c r="L88" s="660"/>
    </row>
    <row r="89" spans="1:12" ht="10.5" x14ac:dyDescent="0.2">
      <c r="A89" s="58" t="s">
        <v>92</v>
      </c>
      <c r="B89" s="408">
        <v>0</v>
      </c>
      <c r="C89" s="408">
        <v>0</v>
      </c>
      <c r="D89" s="408">
        <v>0</v>
      </c>
      <c r="E89" s="408">
        <v>0</v>
      </c>
      <c r="F89" s="408">
        <v>0</v>
      </c>
      <c r="G89" s="409">
        <v>0</v>
      </c>
      <c r="H89" s="409">
        <v>0</v>
      </c>
      <c r="I89" s="409">
        <v>0</v>
      </c>
      <c r="J89" s="408">
        <v>0</v>
      </c>
      <c r="K89" s="659"/>
      <c r="L89" s="660"/>
    </row>
    <row r="90" spans="1:12" ht="10.5" x14ac:dyDescent="0.2">
      <c r="A90" s="58" t="s">
        <v>93</v>
      </c>
      <c r="B90" s="408">
        <v>0</v>
      </c>
      <c r="C90" s="408">
        <v>0</v>
      </c>
      <c r="D90" s="408">
        <v>0</v>
      </c>
      <c r="E90" s="408">
        <v>0</v>
      </c>
      <c r="F90" s="408">
        <v>0</v>
      </c>
      <c r="G90" s="409">
        <v>0</v>
      </c>
      <c r="H90" s="409">
        <v>0</v>
      </c>
      <c r="I90" s="409">
        <v>0</v>
      </c>
      <c r="J90" s="408">
        <v>0</v>
      </c>
      <c r="K90" s="710"/>
      <c r="L90" s="711"/>
    </row>
    <row r="91" spans="1:12" ht="10.5" x14ac:dyDescent="0.2">
      <c r="A91" s="76" t="s">
        <v>862</v>
      </c>
      <c r="B91" s="152"/>
      <c r="C91" s="152"/>
      <c r="D91" s="152"/>
      <c r="E91" s="152"/>
      <c r="F91" s="152"/>
      <c r="G91" s="152"/>
      <c r="H91" s="152"/>
      <c r="I91" s="433"/>
      <c r="J91" s="152"/>
      <c r="K91" s="152"/>
    </row>
    <row r="92" spans="1:12" ht="10.5" x14ac:dyDescent="0.2">
      <c r="D92" s="201"/>
      <c r="I92" s="201"/>
      <c r="J92" s="201"/>
    </row>
    <row r="93" spans="1:12" ht="10.5" x14ac:dyDescent="0.2">
      <c r="D93" s="201"/>
      <c r="J93" s="201"/>
    </row>
    <row r="94" spans="1:12" ht="10.5" x14ac:dyDescent="0.2">
      <c r="D94" s="201"/>
    </row>
  </sheetData>
  <customSheetViews>
    <customSheetView guid="{6DBFA32C-4AA4-4E1D-9A48-697377C64CC3}" showPageBreaks="1" showGridLines="0" fitToPage="1" printArea="1">
      <selection activeCell="A6" sqref="A6:L6"/>
      <pageMargins left="0.19685039370078741" right="0.19685039370078741" top="0.39370078740157483" bottom="0.19685039370078741" header="0" footer="0"/>
      <printOptions horizontalCentered="1"/>
      <pageSetup paperSize="9" scale="41" orientation="portrait" r:id="rId1"/>
    </customSheetView>
    <customSheetView guid="{82EDB5A4-4824-4632-A540-7A52C92F04C7}" scale="90" showPageBreaks="1" showGridLines="0" fitToPage="1" topLeftCell="A72">
      <pane xSplit="1" ySplit="8" topLeftCell="B80" activePane="bottomRight" state="frozen"/>
      <selection pane="bottomRight" activeCell="H82" sqref="H82"/>
      <pageMargins left="0.19685039370078741" right="0.19685039370078741" top="0.39370078740157483" bottom="0.19685039370078741" header="0" footer="0"/>
      <printOptions horizontalCentered="1"/>
      <pageSetup paperSize="9" scale="41" orientation="portrait" r:id="rId2"/>
    </customSheetView>
    <customSheetView guid="{C779D862-DE28-46CD-A428-4AAA1056D1E1}" showPageBreaks="1" showGridLines="0" fitToPage="1" printArea="1">
      <selection activeCell="C87" sqref="C87"/>
      <pageMargins left="0.19685039370078741" right="0.19685039370078741" top="0.39370078740157483" bottom="0.19685039370078741" header="0" footer="0"/>
      <printOptions horizontalCentered="1"/>
      <pageSetup paperSize="9" scale="40" orientation="portrait" r:id="rId3"/>
    </customSheetView>
    <customSheetView guid="{25EF1E0D-169B-4051-B414-7E1196FC05E4}" showPageBreaks="1" showGridLines="0" fitToPage="1" printArea="1" topLeftCell="A61">
      <selection activeCell="C87" sqref="C87"/>
      <pageMargins left="0.19685039370078741" right="0.19685039370078741" top="0.59055118110236227" bottom="0.19685039370078741" header="0" footer="0"/>
      <printOptions horizontalCentered="1"/>
      <pageSetup paperSize="9" scale="40" orientation="portrait" r:id="rId4"/>
    </customSheetView>
    <customSheetView guid="{3AAF6A5F-F9AA-430B-9AD9-1261ECDF41B5}" scale="90" showPageBreaks="1" showGridLines="0" fitToPage="1" topLeftCell="A57">
      <selection activeCell="D64" sqref="D64:E64"/>
      <pageMargins left="0.19685039370078741" right="0.19685039370078741" top="0.39370078740157483" bottom="0.19685039370078741" header="0" footer="0"/>
      <printOptions horizontalCentered="1"/>
      <pageSetup paperSize="9" scale="40" orientation="portrait" r:id="rId5"/>
    </customSheetView>
  </customSheetViews>
  <mergeCells count="278">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73:C73"/>
    <mergeCell ref="D73:E73"/>
    <mergeCell ref="F73:G73"/>
    <mergeCell ref="I73:J73"/>
    <mergeCell ref="A76:A79"/>
    <mergeCell ref="D76:E76"/>
    <mergeCell ref="F76:F78"/>
    <mergeCell ref="G76:H76"/>
    <mergeCell ref="I76:I78"/>
    <mergeCell ref="J76:J78"/>
    <mergeCell ref="K85:L85"/>
    <mergeCell ref="K86:L86"/>
    <mergeCell ref="K87:L87"/>
    <mergeCell ref="K88:L88"/>
    <mergeCell ref="K89:L89"/>
    <mergeCell ref="K90:L90"/>
    <mergeCell ref="K76:L79"/>
    <mergeCell ref="K80:L80"/>
    <mergeCell ref="K81:L81"/>
    <mergeCell ref="K82:L82"/>
    <mergeCell ref="K83:L83"/>
    <mergeCell ref="K84:L84"/>
  </mergeCells>
  <printOptions horizontalCentered="1"/>
  <pageMargins left="0.19685039370078741" right="0.19685039370078741" top="0.59055118110236227" bottom="0.19685039370078741" header="0" footer="0"/>
  <pageSetup paperSize="9" scale="40" orientation="portrait" r:id="rId6"/>
  <drawing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tabColor rgb="FF92D050"/>
    <pageSetUpPr fitToPage="1"/>
  </sheetPr>
  <dimension ref="A1:M192"/>
  <sheetViews>
    <sheetView showGridLines="0" zoomScaleNormal="100" workbookViewId="0"/>
  </sheetViews>
  <sheetFormatPr defaultColWidth="9.140625" defaultRowHeight="11.25" customHeight="1" x14ac:dyDescent="0.2"/>
  <cols>
    <col min="1" max="1" width="45.28515625" style="58" customWidth="1"/>
    <col min="2" max="2" width="21.140625" style="46" customWidth="1"/>
    <col min="3" max="3" width="19.7109375" style="46" customWidth="1"/>
    <col min="4" max="4" width="19.28515625" style="46" customWidth="1"/>
    <col min="5" max="5" width="19.7109375" style="46" customWidth="1"/>
    <col min="6" max="6" width="10.7109375" style="46" customWidth="1"/>
    <col min="7" max="8" width="18.7109375" style="46" customWidth="1"/>
    <col min="9" max="9" width="20.140625" style="46" bestFit="1" customWidth="1"/>
    <col min="10" max="10" width="10.7109375" style="46" customWidth="1"/>
    <col min="11" max="11" width="20.5703125" style="46" customWidth="1"/>
    <col min="12" max="12" width="16.42578125" style="46" customWidth="1"/>
    <col min="13" max="13" width="15.42578125" style="214" customWidth="1"/>
    <col min="14" max="14" width="15.42578125" style="185" customWidth="1"/>
    <col min="15" max="15" width="22" style="185" customWidth="1"/>
    <col min="16" max="16" width="13.42578125" style="185" customWidth="1"/>
    <col min="17" max="16384" width="9.140625" style="185"/>
  </cols>
  <sheetData>
    <row r="1" spans="1:13" s="23" customFormat="1" ht="10.5" x14ac:dyDescent="0.2">
      <c r="A1" s="126"/>
      <c r="M1" s="111"/>
    </row>
    <row r="2" spans="1:13" s="23" customFormat="1" ht="11.25" customHeight="1" x14ac:dyDescent="0.2">
      <c r="A2" s="126"/>
      <c r="M2" s="111"/>
    </row>
    <row r="3" spans="1:13" s="46" customFormat="1" ht="10.5" x14ac:dyDescent="0.2">
      <c r="A3" s="681" t="s">
        <v>641</v>
      </c>
      <c r="B3" s="681"/>
      <c r="C3" s="681"/>
      <c r="D3" s="681"/>
      <c r="E3" s="681"/>
      <c r="F3" s="681"/>
      <c r="G3" s="681"/>
      <c r="H3" s="681"/>
      <c r="I3" s="681"/>
      <c r="J3" s="681"/>
      <c r="K3" s="681"/>
      <c r="L3" s="681"/>
      <c r="M3" s="58"/>
    </row>
    <row r="4" spans="1:13" s="46" customFormat="1" ht="10.5" x14ac:dyDescent="0.2">
      <c r="A4" s="681" t="s">
        <v>105</v>
      </c>
      <c r="B4" s="681"/>
      <c r="C4" s="681"/>
      <c r="D4" s="681"/>
      <c r="E4" s="681"/>
      <c r="F4" s="681"/>
      <c r="G4" s="681"/>
      <c r="H4" s="681"/>
      <c r="I4" s="681"/>
      <c r="J4" s="681"/>
      <c r="K4" s="681"/>
      <c r="L4" s="681"/>
      <c r="M4" s="58"/>
    </row>
    <row r="5" spans="1:13" s="46" customFormat="1" ht="10.5" x14ac:dyDescent="0.2">
      <c r="A5" s="681" t="s">
        <v>168</v>
      </c>
      <c r="B5" s="681"/>
      <c r="C5" s="681"/>
      <c r="D5" s="681"/>
      <c r="E5" s="681"/>
      <c r="F5" s="681"/>
      <c r="G5" s="681"/>
      <c r="H5" s="681"/>
      <c r="I5" s="681"/>
      <c r="J5" s="681"/>
      <c r="K5" s="681"/>
      <c r="L5" s="681"/>
      <c r="M5" s="58"/>
    </row>
    <row r="6" spans="1:13" s="46" customFormat="1" ht="10.5" x14ac:dyDescent="0.2">
      <c r="A6" s="681" t="s">
        <v>107</v>
      </c>
      <c r="B6" s="681"/>
      <c r="C6" s="681"/>
      <c r="D6" s="681"/>
      <c r="E6" s="681"/>
      <c r="F6" s="681"/>
      <c r="G6" s="681"/>
      <c r="H6" s="681"/>
      <c r="I6" s="681"/>
      <c r="J6" s="681"/>
      <c r="K6" s="681"/>
      <c r="L6" s="681"/>
      <c r="M6" s="58"/>
    </row>
    <row r="7" spans="1:13" s="46" customFormat="1" ht="10.5" x14ac:dyDescent="0.2">
      <c r="A7" s="681" t="s">
        <v>879</v>
      </c>
      <c r="B7" s="681"/>
      <c r="C7" s="681"/>
      <c r="D7" s="681"/>
      <c r="E7" s="681"/>
      <c r="F7" s="681"/>
      <c r="G7" s="681"/>
      <c r="H7" s="681"/>
      <c r="I7" s="681"/>
      <c r="J7" s="681"/>
      <c r="K7" s="681"/>
      <c r="L7" s="681"/>
      <c r="M7" s="58"/>
    </row>
    <row r="8" spans="1:13" s="23" customFormat="1" ht="10.5" x14ac:dyDescent="0.2">
      <c r="A8" s="28"/>
      <c r="B8" s="47"/>
      <c r="C8" s="47"/>
      <c r="D8" s="47"/>
      <c r="E8" s="47"/>
      <c r="F8" s="47"/>
      <c r="G8" s="47"/>
      <c r="H8" s="47"/>
      <c r="I8" s="47"/>
      <c r="J8" s="47"/>
      <c r="K8" s="47"/>
      <c r="L8" s="47"/>
      <c r="M8" s="111"/>
    </row>
    <row r="9" spans="1:13" s="23" customFormat="1" ht="10.5" x14ac:dyDescent="0.2">
      <c r="A9" s="111" t="s">
        <v>364</v>
      </c>
      <c r="B9" s="111"/>
      <c r="L9" s="223">
        <v>1</v>
      </c>
      <c r="M9" s="111"/>
    </row>
    <row r="10" spans="1:13" ht="20.100000000000001" customHeight="1" x14ac:dyDescent="0.2">
      <c r="A10" s="108"/>
      <c r="B10" s="181" t="s">
        <v>157</v>
      </c>
      <c r="C10" s="181" t="s">
        <v>157</v>
      </c>
      <c r="D10" s="690" t="s">
        <v>158</v>
      </c>
      <c r="E10" s="691"/>
      <c r="F10" s="692"/>
      <c r="G10" s="667" t="s">
        <v>161</v>
      </c>
      <c r="H10" s="739" t="s">
        <v>159</v>
      </c>
      <c r="I10" s="740"/>
      <c r="J10" s="741"/>
      <c r="K10" s="667" t="s">
        <v>161</v>
      </c>
      <c r="L10" s="714" t="s">
        <v>876</v>
      </c>
    </row>
    <row r="11" spans="1:13" ht="20.100000000000001" customHeight="1" x14ac:dyDescent="0.15">
      <c r="A11" s="429" t="s">
        <v>169</v>
      </c>
      <c r="B11" s="183" t="s">
        <v>111</v>
      </c>
      <c r="C11" s="183" t="s">
        <v>112</v>
      </c>
      <c r="D11" s="742" t="s">
        <v>113</v>
      </c>
      <c r="E11" s="197" t="s">
        <v>115</v>
      </c>
      <c r="F11" s="197" t="s">
        <v>114</v>
      </c>
      <c r="G11" s="668"/>
      <c r="H11" s="742" t="s">
        <v>113</v>
      </c>
      <c r="I11" s="197" t="s">
        <v>115</v>
      </c>
      <c r="J11" s="197" t="s">
        <v>114</v>
      </c>
      <c r="K11" s="668"/>
      <c r="L11" s="716"/>
    </row>
    <row r="12" spans="1:13" s="16" customFormat="1" ht="20.100000000000001" customHeight="1" x14ac:dyDescent="0.2">
      <c r="A12" s="51"/>
      <c r="B12" s="109"/>
      <c r="C12" s="379" t="s">
        <v>116</v>
      </c>
      <c r="D12" s="743"/>
      <c r="E12" s="379" t="s">
        <v>117</v>
      </c>
      <c r="F12" s="379" t="s">
        <v>59</v>
      </c>
      <c r="G12" s="380" t="s">
        <v>280</v>
      </c>
      <c r="H12" s="743"/>
      <c r="I12" s="379" t="s">
        <v>162</v>
      </c>
      <c r="J12" s="379" t="s">
        <v>545</v>
      </c>
      <c r="K12" s="380" t="s">
        <v>544</v>
      </c>
      <c r="L12" s="718"/>
      <c r="M12" s="384"/>
    </row>
    <row r="13" spans="1:13" s="16" customFormat="1" ht="15" customHeight="1" x14ac:dyDescent="0.2">
      <c r="A13" s="140" t="s">
        <v>220</v>
      </c>
      <c r="B13" s="406">
        <v>12125839700</v>
      </c>
      <c r="C13" s="406">
        <v>12595746765.189999</v>
      </c>
      <c r="D13" s="406">
        <v>1061443774.9400001</v>
      </c>
      <c r="E13" s="406">
        <v>9663097609.9300022</v>
      </c>
      <c r="F13" s="406">
        <v>89.383667237729981</v>
      </c>
      <c r="G13" s="406">
        <v>2932649155.2599993</v>
      </c>
      <c r="H13" s="406">
        <v>1793796340.2200003</v>
      </c>
      <c r="I13" s="406">
        <v>7385822004.2699986</v>
      </c>
      <c r="J13" s="406">
        <v>88.081703781238545</v>
      </c>
      <c r="K13" s="406">
        <v>5209924760.9199991</v>
      </c>
      <c r="L13" s="407"/>
      <c r="M13" s="384"/>
    </row>
    <row r="14" spans="1:13" s="16" customFormat="1" ht="10.5" x14ac:dyDescent="0.2">
      <c r="A14" s="140"/>
      <c r="B14" s="408"/>
      <c r="C14" s="408"/>
      <c r="D14" s="567"/>
      <c r="E14" s="567"/>
      <c r="F14" s="526"/>
      <c r="G14" s="567"/>
      <c r="H14" s="567"/>
      <c r="I14" s="567"/>
      <c r="J14" s="563"/>
      <c r="K14" s="526"/>
      <c r="L14" s="563"/>
      <c r="M14" s="384"/>
    </row>
    <row r="15" spans="1:13" s="182" customFormat="1" ht="10.5" x14ac:dyDescent="0.2">
      <c r="A15" s="140" t="s">
        <v>642</v>
      </c>
      <c r="B15" s="406">
        <v>336717000</v>
      </c>
      <c r="C15" s="406">
        <v>336207000</v>
      </c>
      <c r="D15" s="406">
        <v>43382089.18</v>
      </c>
      <c r="E15" s="406">
        <v>271854336.08999997</v>
      </c>
      <c r="F15" s="406">
        <v>2.5146530124286497</v>
      </c>
      <c r="G15" s="406">
        <v>64352663.910000011</v>
      </c>
      <c r="H15" s="406">
        <v>58847577.090000004</v>
      </c>
      <c r="I15" s="406">
        <v>214947337.19999999</v>
      </c>
      <c r="J15" s="406">
        <v>2.5634151043540738</v>
      </c>
      <c r="K15" s="406">
        <v>121259662.8</v>
      </c>
      <c r="L15" s="407"/>
      <c r="M15" s="385"/>
    </row>
    <row r="16" spans="1:13" s="273" customFormat="1" ht="10.5" customHeight="1" x14ac:dyDescent="0.2">
      <c r="A16" s="431" t="s">
        <v>643</v>
      </c>
      <c r="B16" s="419">
        <v>191424000</v>
      </c>
      <c r="C16" s="408">
        <v>192424000</v>
      </c>
      <c r="D16" s="408">
        <v>26793898.68</v>
      </c>
      <c r="E16" s="408">
        <v>139266204.66999999</v>
      </c>
      <c r="F16" s="408">
        <v>1.2882125999527232</v>
      </c>
      <c r="G16" s="408">
        <v>53157795.330000013</v>
      </c>
      <c r="H16" s="408">
        <v>31064134.960000001</v>
      </c>
      <c r="I16" s="408">
        <v>119766480.04000001</v>
      </c>
      <c r="J16" s="408">
        <v>1.4283089426885756</v>
      </c>
      <c r="K16" s="408">
        <v>72657519.959999993</v>
      </c>
      <c r="L16" s="409"/>
      <c r="M16" s="214"/>
    </row>
    <row r="17" spans="1:13" s="273" customFormat="1" ht="10.5" customHeight="1" x14ac:dyDescent="0.2">
      <c r="A17" s="431" t="s">
        <v>644</v>
      </c>
      <c r="B17" s="419">
        <v>145293000</v>
      </c>
      <c r="C17" s="408">
        <v>143783000</v>
      </c>
      <c r="D17" s="408">
        <v>16588190.5</v>
      </c>
      <c r="E17" s="408">
        <v>132588131.42</v>
      </c>
      <c r="F17" s="408">
        <v>1.2264404124759265</v>
      </c>
      <c r="G17" s="408">
        <v>11194868.579999998</v>
      </c>
      <c r="H17" s="408">
        <v>27783442.129999999</v>
      </c>
      <c r="I17" s="408">
        <v>95180857.159999996</v>
      </c>
      <c r="J17" s="408">
        <v>1.1351061616654985</v>
      </c>
      <c r="K17" s="408">
        <v>48602142.840000004</v>
      </c>
      <c r="L17" s="409"/>
      <c r="M17" s="214"/>
    </row>
    <row r="18" spans="1:13" ht="10.5" x14ac:dyDescent="0.2">
      <c r="A18" s="431"/>
      <c r="B18" s="419"/>
      <c r="C18" s="406"/>
      <c r="D18" s="406"/>
      <c r="E18" s="406"/>
      <c r="F18" s="406"/>
      <c r="G18" s="406"/>
      <c r="H18" s="406"/>
      <c r="I18" s="406"/>
      <c r="J18" s="406"/>
      <c r="K18" s="406"/>
      <c r="L18" s="407"/>
    </row>
    <row r="19" spans="1:13" s="68" customFormat="1" ht="10.5" x14ac:dyDescent="0.2">
      <c r="A19" s="140" t="s">
        <v>645</v>
      </c>
      <c r="B19" s="406">
        <v>576015000</v>
      </c>
      <c r="C19" s="406">
        <v>647827500</v>
      </c>
      <c r="D19" s="406">
        <v>67146694.209999993</v>
      </c>
      <c r="E19" s="406">
        <v>578945235.85000002</v>
      </c>
      <c r="F19" s="406">
        <v>5.3552442911171578</v>
      </c>
      <c r="G19" s="406">
        <v>68882264.150000021</v>
      </c>
      <c r="H19" s="406">
        <v>120105282.14</v>
      </c>
      <c r="I19" s="406">
        <v>417967268.57999998</v>
      </c>
      <c r="J19" s="406">
        <v>4.984586565995329</v>
      </c>
      <c r="K19" s="406">
        <v>229860231.41999999</v>
      </c>
      <c r="L19" s="407"/>
      <c r="M19" s="738"/>
    </row>
    <row r="20" spans="1:13" s="273" customFormat="1" ht="10.5" x14ac:dyDescent="0.2">
      <c r="A20" s="431" t="s">
        <v>646</v>
      </c>
      <c r="B20" s="408">
        <v>564705000</v>
      </c>
      <c r="C20" s="408">
        <v>636931500</v>
      </c>
      <c r="D20" s="408">
        <v>66145674.259999998</v>
      </c>
      <c r="E20" s="408">
        <v>573676881.25999999</v>
      </c>
      <c r="F20" s="408">
        <v>5.3065120033382351</v>
      </c>
      <c r="G20" s="408">
        <v>63254618.74000001</v>
      </c>
      <c r="H20" s="408">
        <v>118983543.48</v>
      </c>
      <c r="I20" s="408">
        <v>415051780.94999999</v>
      </c>
      <c r="J20" s="408">
        <v>4.9498170958327581</v>
      </c>
      <c r="K20" s="408">
        <v>221879719.05000001</v>
      </c>
      <c r="L20" s="409"/>
      <c r="M20" s="738"/>
    </row>
    <row r="21" spans="1:13" s="273" customFormat="1" ht="10.5" x14ac:dyDescent="0.2">
      <c r="A21" s="431" t="s">
        <v>654</v>
      </c>
      <c r="B21" s="408">
        <v>0</v>
      </c>
      <c r="C21" s="408">
        <v>0</v>
      </c>
      <c r="D21" s="408">
        <v>0</v>
      </c>
      <c r="E21" s="408">
        <v>0</v>
      </c>
      <c r="F21" s="408">
        <v>0</v>
      </c>
      <c r="G21" s="408">
        <v>0</v>
      </c>
      <c r="H21" s="408">
        <v>0</v>
      </c>
      <c r="I21" s="408">
        <v>0</v>
      </c>
      <c r="J21" s="408">
        <v>0</v>
      </c>
      <c r="K21" s="408">
        <v>0</v>
      </c>
      <c r="L21" s="409"/>
      <c r="M21" s="738"/>
    </row>
    <row r="22" spans="1:13" s="273" customFormat="1" ht="10.5" x14ac:dyDescent="0.2">
      <c r="A22" s="431" t="s">
        <v>811</v>
      </c>
      <c r="B22" s="408">
        <v>9229000</v>
      </c>
      <c r="C22" s="408">
        <v>8715000</v>
      </c>
      <c r="D22" s="408">
        <v>508124.42</v>
      </c>
      <c r="E22" s="408">
        <v>3975370.27</v>
      </c>
      <c r="F22" s="408">
        <v>3.6772180899352289E-2</v>
      </c>
      <c r="G22" s="408">
        <v>4739629.7300000004</v>
      </c>
      <c r="H22" s="408">
        <v>904477.3</v>
      </c>
      <c r="I22" s="408">
        <v>2354766.02</v>
      </c>
      <c r="J22" s="408">
        <v>2.8082426428345297E-2</v>
      </c>
      <c r="K22" s="408">
        <v>6360233.9800000004</v>
      </c>
      <c r="L22" s="409"/>
      <c r="M22" s="394"/>
    </row>
    <row r="23" spans="1:13" s="273" customFormat="1" ht="10.5" x14ac:dyDescent="0.2">
      <c r="A23" s="431" t="s">
        <v>750</v>
      </c>
      <c r="B23" s="408">
        <v>2081000</v>
      </c>
      <c r="C23" s="408">
        <v>2181000</v>
      </c>
      <c r="D23" s="408">
        <v>492895.53</v>
      </c>
      <c r="E23" s="408">
        <v>1292984.3200000001</v>
      </c>
      <c r="F23" s="408">
        <v>1.1960106879570241E-2</v>
      </c>
      <c r="G23" s="408">
        <v>888015.67999999993</v>
      </c>
      <c r="H23" s="408">
        <v>217261.36</v>
      </c>
      <c r="I23" s="408">
        <v>560721.61</v>
      </c>
      <c r="J23" s="408">
        <v>6.6870437342255867E-3</v>
      </c>
      <c r="K23" s="408">
        <v>1620278.3900000001</v>
      </c>
      <c r="L23" s="409"/>
      <c r="M23" s="214"/>
    </row>
    <row r="24" spans="1:13" ht="10.5" x14ac:dyDescent="0.2">
      <c r="A24" s="431"/>
      <c r="B24" s="408"/>
      <c r="C24" s="406"/>
      <c r="D24" s="406"/>
      <c r="E24" s="406"/>
      <c r="F24" s="406"/>
      <c r="G24" s="406"/>
      <c r="H24" s="406"/>
      <c r="I24" s="406"/>
      <c r="J24" s="406"/>
      <c r="K24" s="406"/>
      <c r="L24" s="407"/>
    </row>
    <row r="25" spans="1:13" s="68" customFormat="1" ht="10.5" x14ac:dyDescent="0.2">
      <c r="A25" s="158" t="s">
        <v>751</v>
      </c>
      <c r="B25" s="406">
        <v>423182600</v>
      </c>
      <c r="C25" s="406">
        <v>433039550</v>
      </c>
      <c r="D25" s="406">
        <v>110274493.47</v>
      </c>
      <c r="E25" s="406">
        <v>307715012.58000004</v>
      </c>
      <c r="F25" s="406">
        <v>2.8463643232000693</v>
      </c>
      <c r="G25" s="406">
        <v>125324537.41999999</v>
      </c>
      <c r="H25" s="406">
        <v>74630578.489999995</v>
      </c>
      <c r="I25" s="406">
        <v>264760974.86999997</v>
      </c>
      <c r="J25" s="406">
        <v>3.1574816923355091</v>
      </c>
      <c r="K25" s="406">
        <v>168278575.13</v>
      </c>
      <c r="L25" s="407"/>
      <c r="M25" s="153"/>
    </row>
    <row r="26" spans="1:13" s="68" customFormat="1" ht="10.5" x14ac:dyDescent="0.2">
      <c r="A26" s="431" t="s">
        <v>646</v>
      </c>
      <c r="B26" s="408">
        <v>3610000</v>
      </c>
      <c r="C26" s="408">
        <v>3610000</v>
      </c>
      <c r="D26" s="408">
        <v>226799.55</v>
      </c>
      <c r="E26" s="408">
        <v>300777.25</v>
      </c>
      <c r="F26" s="567">
        <v>2.782190009035236E-3</v>
      </c>
      <c r="G26" s="408">
        <v>3309222.75</v>
      </c>
      <c r="H26" s="408">
        <v>2660.3</v>
      </c>
      <c r="I26" s="408">
        <v>53341.5</v>
      </c>
      <c r="J26" s="567">
        <v>6.3613910537386662E-4</v>
      </c>
      <c r="K26" s="408">
        <v>3556658.5</v>
      </c>
      <c r="L26" s="409"/>
      <c r="M26" s="153"/>
    </row>
    <row r="27" spans="1:13" s="273" customFormat="1" ht="10.5" x14ac:dyDescent="0.2">
      <c r="A27" s="431" t="s">
        <v>647</v>
      </c>
      <c r="B27" s="465">
        <v>253315600</v>
      </c>
      <c r="C27" s="408">
        <v>253315600</v>
      </c>
      <c r="D27" s="408">
        <v>48006881.530000001</v>
      </c>
      <c r="E27" s="408">
        <v>161818470.74000001</v>
      </c>
      <c r="F27" s="408">
        <v>1.4968210945814175</v>
      </c>
      <c r="G27" s="408">
        <v>91497129.25999999</v>
      </c>
      <c r="H27" s="408">
        <v>43877906.289999999</v>
      </c>
      <c r="I27" s="408">
        <v>155096382.56</v>
      </c>
      <c r="J27" s="408">
        <v>1.8496456614163714</v>
      </c>
      <c r="K27" s="408">
        <v>98219217.439999998</v>
      </c>
      <c r="L27" s="409"/>
      <c r="M27" s="214"/>
    </row>
    <row r="28" spans="1:13" s="273" customFormat="1" ht="10.5" x14ac:dyDescent="0.2">
      <c r="A28" s="431" t="s">
        <v>648</v>
      </c>
      <c r="B28" s="408">
        <v>43485000</v>
      </c>
      <c r="C28" s="408">
        <v>44053500</v>
      </c>
      <c r="D28" s="408">
        <v>16245893.52</v>
      </c>
      <c r="E28" s="408">
        <v>37633371.719999999</v>
      </c>
      <c r="F28" s="408">
        <v>0.34810874428067012</v>
      </c>
      <c r="G28" s="408">
        <v>6420128.2800000012</v>
      </c>
      <c r="H28" s="408">
        <v>7117189.3799999999</v>
      </c>
      <c r="I28" s="408">
        <v>27047653.879999999</v>
      </c>
      <c r="J28" s="408">
        <v>0.32256442622883108</v>
      </c>
      <c r="K28" s="408">
        <v>17005846.120000001</v>
      </c>
      <c r="L28" s="409"/>
      <c r="M28" s="214"/>
    </row>
    <row r="29" spans="1:13" s="273" customFormat="1" ht="10.5" x14ac:dyDescent="0.2">
      <c r="A29" s="431" t="s">
        <v>651</v>
      </c>
      <c r="B29" s="408">
        <v>358000</v>
      </c>
      <c r="C29" s="408">
        <v>358000</v>
      </c>
      <c r="D29" s="408">
        <v>35518.1</v>
      </c>
      <c r="E29" s="408">
        <v>192648.04</v>
      </c>
      <c r="F29" s="408">
        <v>1.7819946560061323E-3</v>
      </c>
      <c r="G29" s="408">
        <v>165351.96</v>
      </c>
      <c r="H29" s="408">
        <v>24884.14</v>
      </c>
      <c r="I29" s="408">
        <v>65135.7</v>
      </c>
      <c r="J29" s="408">
        <v>7.7679416450419589E-4</v>
      </c>
      <c r="K29" s="408">
        <v>292864.3</v>
      </c>
      <c r="L29" s="409"/>
      <c r="M29" s="214"/>
    </row>
    <row r="30" spans="1:13" s="273" customFormat="1" ht="10.5" x14ac:dyDescent="0.2">
      <c r="A30" s="431" t="s">
        <v>655</v>
      </c>
      <c r="B30" s="408">
        <v>12525000</v>
      </c>
      <c r="C30" s="408">
        <v>23675000</v>
      </c>
      <c r="D30" s="408">
        <v>1509119.63</v>
      </c>
      <c r="E30" s="408">
        <v>10383831.49</v>
      </c>
      <c r="F30" s="408">
        <v>9.6050456698382164E-2</v>
      </c>
      <c r="G30" s="408">
        <v>13291168.51</v>
      </c>
      <c r="H30" s="408">
        <v>2139908.39</v>
      </c>
      <c r="I30" s="408">
        <v>8254745.3499999996</v>
      </c>
      <c r="J30" s="408">
        <v>9.8444294255656192E-2</v>
      </c>
      <c r="K30" s="408">
        <v>15420254.65</v>
      </c>
      <c r="L30" s="409"/>
      <c r="M30" s="214"/>
    </row>
    <row r="31" spans="1:13" s="273" customFormat="1" ht="10.5" x14ac:dyDescent="0.2">
      <c r="A31" s="431" t="s">
        <v>877</v>
      </c>
      <c r="B31" s="408">
        <v>109889000</v>
      </c>
      <c r="C31" s="408">
        <v>108027450</v>
      </c>
      <c r="D31" s="408">
        <v>44250281.140000001</v>
      </c>
      <c r="E31" s="408">
        <v>97385913.340000004</v>
      </c>
      <c r="F31" s="408">
        <v>0.90081984297455775</v>
      </c>
      <c r="G31" s="408">
        <v>10641536.659999996</v>
      </c>
      <c r="H31" s="408">
        <v>21468029.989999998</v>
      </c>
      <c r="I31" s="408">
        <v>74243715.879999995</v>
      </c>
      <c r="J31" s="408">
        <v>0.88541437716477289</v>
      </c>
      <c r="K31" s="408">
        <v>33783734.120000005</v>
      </c>
      <c r="L31" s="409"/>
      <c r="M31" s="214"/>
    </row>
    <row r="32" spans="1:13" s="273" customFormat="1" ht="10.5" x14ac:dyDescent="0.2">
      <c r="A32" s="431"/>
      <c r="B32" s="408"/>
      <c r="C32" s="408"/>
      <c r="D32" s="408"/>
      <c r="E32" s="408"/>
      <c r="F32" s="408"/>
      <c r="G32" s="408"/>
      <c r="H32" s="408"/>
      <c r="I32" s="408"/>
      <c r="J32" s="408"/>
      <c r="K32" s="408"/>
      <c r="L32" s="409"/>
      <c r="M32" s="214"/>
    </row>
    <row r="33" spans="1:13" s="68" customFormat="1" ht="10.5" x14ac:dyDescent="0.2">
      <c r="A33" s="140" t="s">
        <v>649</v>
      </c>
      <c r="B33" s="406">
        <v>778172500</v>
      </c>
      <c r="C33" s="406">
        <v>704708466.33999991</v>
      </c>
      <c r="D33" s="406">
        <v>79938197.890000001</v>
      </c>
      <c r="E33" s="406">
        <v>470941497.94</v>
      </c>
      <c r="F33" s="406">
        <v>4.3562095551068314</v>
      </c>
      <c r="G33" s="406">
        <v>233766968.39999995</v>
      </c>
      <c r="H33" s="406">
        <v>114706840.22999999</v>
      </c>
      <c r="I33" s="406">
        <v>420688366.45999998</v>
      </c>
      <c r="J33" s="406">
        <v>5.0170377863587969</v>
      </c>
      <c r="K33" s="406">
        <v>284020099.88</v>
      </c>
      <c r="L33" s="407"/>
      <c r="M33" s="153"/>
    </row>
    <row r="34" spans="1:13" s="273" customFormat="1" ht="10.5" x14ac:dyDescent="0.2">
      <c r="A34" s="431" t="s">
        <v>650</v>
      </c>
      <c r="B34" s="408">
        <v>66000</v>
      </c>
      <c r="C34" s="408">
        <v>0</v>
      </c>
      <c r="D34" s="408">
        <v>0</v>
      </c>
      <c r="E34" s="408">
        <v>0</v>
      </c>
      <c r="F34" s="408">
        <v>0</v>
      </c>
      <c r="G34" s="408">
        <v>0</v>
      </c>
      <c r="H34" s="408">
        <v>0</v>
      </c>
      <c r="I34" s="408">
        <v>0</v>
      </c>
      <c r="J34" s="408">
        <v>0</v>
      </c>
      <c r="K34" s="408">
        <v>0</v>
      </c>
      <c r="L34" s="409"/>
      <c r="M34" s="214"/>
    </row>
    <row r="35" spans="1:13" s="273" customFormat="1" ht="10.5" x14ac:dyDescent="0.2">
      <c r="A35" s="431" t="s">
        <v>651</v>
      </c>
      <c r="B35" s="408">
        <v>370742100</v>
      </c>
      <c r="C35" s="408">
        <v>368448666.33999997</v>
      </c>
      <c r="D35" s="408">
        <v>31717362.210000001</v>
      </c>
      <c r="E35" s="408">
        <v>163680681.09999999</v>
      </c>
      <c r="F35" s="408">
        <v>1.514046543176063</v>
      </c>
      <c r="G35" s="408">
        <v>204767985.23999998</v>
      </c>
      <c r="H35" s="408">
        <v>41247837.039999999</v>
      </c>
      <c r="I35" s="408">
        <v>122694284.5</v>
      </c>
      <c r="J35" s="408">
        <v>1.4632253006817708</v>
      </c>
      <c r="K35" s="408">
        <v>245754381.83999997</v>
      </c>
      <c r="L35" s="409"/>
      <c r="M35" s="214"/>
    </row>
    <row r="36" spans="1:13" s="273" customFormat="1" ht="10.5" x14ac:dyDescent="0.2">
      <c r="A36" s="431" t="s">
        <v>652</v>
      </c>
      <c r="B36" s="408">
        <v>404969700</v>
      </c>
      <c r="C36" s="408">
        <v>332858200</v>
      </c>
      <c r="D36" s="408">
        <v>48208835.68</v>
      </c>
      <c r="E36" s="408">
        <v>307239916.04000002</v>
      </c>
      <c r="F36" s="408">
        <v>2.8419696794997384</v>
      </c>
      <c r="G36" s="408">
        <v>25618283.959999979</v>
      </c>
      <c r="H36" s="408">
        <v>73458803.189999998</v>
      </c>
      <c r="I36" s="408">
        <v>297985184.75999999</v>
      </c>
      <c r="J36" s="408">
        <v>3.5537063796086112</v>
      </c>
      <c r="K36" s="408">
        <v>34873015.24000001</v>
      </c>
      <c r="L36" s="409"/>
      <c r="M36" s="214"/>
    </row>
    <row r="37" spans="1:13" s="273" customFormat="1" ht="10.5" x14ac:dyDescent="0.2">
      <c r="A37" s="431" t="s">
        <v>653</v>
      </c>
      <c r="B37" s="408">
        <v>0</v>
      </c>
      <c r="C37" s="408">
        <v>1003400</v>
      </c>
      <c r="D37" s="408">
        <v>0</v>
      </c>
      <c r="E37" s="408">
        <v>0</v>
      </c>
      <c r="F37" s="408">
        <v>0</v>
      </c>
      <c r="G37" s="408">
        <v>1003400</v>
      </c>
      <c r="H37" s="408">
        <v>0</v>
      </c>
      <c r="I37" s="408">
        <v>0</v>
      </c>
      <c r="J37" s="408">
        <v>0</v>
      </c>
      <c r="K37" s="408">
        <v>1003400</v>
      </c>
      <c r="L37" s="409"/>
      <c r="M37" s="214"/>
    </row>
    <row r="38" spans="1:13" s="273" customFormat="1" ht="10.5" x14ac:dyDescent="0.2">
      <c r="A38" s="431" t="s">
        <v>654</v>
      </c>
      <c r="B38" s="408">
        <v>0</v>
      </c>
      <c r="C38" s="408">
        <v>0</v>
      </c>
      <c r="D38" s="408">
        <v>0</v>
      </c>
      <c r="E38" s="408">
        <v>0</v>
      </c>
      <c r="F38" s="408">
        <v>0</v>
      </c>
      <c r="G38" s="408">
        <v>0</v>
      </c>
      <c r="H38" s="408">
        <v>0</v>
      </c>
      <c r="I38" s="408">
        <v>0</v>
      </c>
      <c r="J38" s="408">
        <v>0</v>
      </c>
      <c r="K38" s="408">
        <v>0</v>
      </c>
      <c r="L38" s="409"/>
      <c r="M38" s="214"/>
    </row>
    <row r="39" spans="1:13" s="273" customFormat="1" ht="10.5" x14ac:dyDescent="0.2">
      <c r="A39" s="431" t="s">
        <v>752</v>
      </c>
      <c r="B39" s="408">
        <v>2394700</v>
      </c>
      <c r="C39" s="408">
        <v>2398200</v>
      </c>
      <c r="D39" s="408">
        <v>12000</v>
      </c>
      <c r="E39" s="408">
        <v>20900.8</v>
      </c>
      <c r="F39" s="408">
        <v>1.9333243102942013E-4</v>
      </c>
      <c r="G39" s="408">
        <v>2377299.2000000002</v>
      </c>
      <c r="H39" s="408">
        <v>200</v>
      </c>
      <c r="I39" s="408">
        <v>8897.2000000000007</v>
      </c>
      <c r="J39" s="408">
        <v>1.061060684145059E-4</v>
      </c>
      <c r="K39" s="408">
        <v>2389302.7999999998</v>
      </c>
      <c r="L39" s="409"/>
      <c r="M39" s="214"/>
    </row>
    <row r="40" spans="1:13" ht="10.5" x14ac:dyDescent="0.2">
      <c r="A40" s="431"/>
      <c r="B40" s="408"/>
      <c r="C40" s="406"/>
      <c r="D40" s="406"/>
      <c r="E40" s="406"/>
      <c r="F40" s="406"/>
      <c r="G40" s="406"/>
      <c r="H40" s="406"/>
      <c r="I40" s="406"/>
      <c r="J40" s="406"/>
      <c r="K40" s="406"/>
      <c r="L40" s="407"/>
    </row>
    <row r="41" spans="1:13" s="68" customFormat="1" ht="10.5" x14ac:dyDescent="0.2">
      <c r="A41" s="140" t="s">
        <v>658</v>
      </c>
      <c r="B41" s="406">
        <v>889668600</v>
      </c>
      <c r="C41" s="406">
        <v>992757278.14999998</v>
      </c>
      <c r="D41" s="406">
        <v>72653882.710000008</v>
      </c>
      <c r="E41" s="406">
        <v>853086113.54000008</v>
      </c>
      <c r="F41" s="406">
        <v>7.8910478167404179</v>
      </c>
      <c r="G41" s="406">
        <v>139671164.60999992</v>
      </c>
      <c r="H41" s="406">
        <v>187293880.22999999</v>
      </c>
      <c r="I41" s="406">
        <v>714485924.46000004</v>
      </c>
      <c r="J41" s="406">
        <v>8.5208034417518164</v>
      </c>
      <c r="K41" s="406">
        <v>278271353.68999994</v>
      </c>
      <c r="L41" s="407"/>
      <c r="M41" s="153"/>
    </row>
    <row r="42" spans="1:13" s="273" customFormat="1" ht="10.5" x14ac:dyDescent="0.2">
      <c r="A42" s="431" t="s">
        <v>659</v>
      </c>
      <c r="B42" s="408">
        <v>845140500</v>
      </c>
      <c r="C42" s="408">
        <v>920540660.14999998</v>
      </c>
      <c r="D42" s="408">
        <v>71154887.109999999</v>
      </c>
      <c r="E42" s="408">
        <v>794858332.20000005</v>
      </c>
      <c r="F42" s="408">
        <v>7.3524407529001969</v>
      </c>
      <c r="G42" s="408">
        <v>125682327.94999993</v>
      </c>
      <c r="H42" s="408">
        <v>184423024.19</v>
      </c>
      <c r="I42" s="408">
        <v>705948692.11000001</v>
      </c>
      <c r="J42" s="408">
        <v>8.418990269090795</v>
      </c>
      <c r="K42" s="408">
        <v>214591968.03999996</v>
      </c>
      <c r="L42" s="409"/>
      <c r="M42" s="214"/>
    </row>
    <row r="43" spans="1:13" s="273" customFormat="1" ht="10.5" x14ac:dyDescent="0.2">
      <c r="A43" s="431" t="s">
        <v>660</v>
      </c>
      <c r="B43" s="408">
        <v>40500100</v>
      </c>
      <c r="C43" s="408">
        <v>68088618</v>
      </c>
      <c r="D43" s="408">
        <v>1486212.37</v>
      </c>
      <c r="E43" s="408">
        <v>58204027.869999997</v>
      </c>
      <c r="F43" s="408">
        <v>0.53838734420745726</v>
      </c>
      <c r="G43" s="408">
        <v>9884590.1300000027</v>
      </c>
      <c r="H43" s="408">
        <v>2858072.81</v>
      </c>
      <c r="I43" s="408">
        <v>8513478.8800000008</v>
      </c>
      <c r="J43" s="408">
        <v>0.10152989395391034</v>
      </c>
      <c r="K43" s="408">
        <v>59575139.119999997</v>
      </c>
      <c r="L43" s="409"/>
      <c r="M43" s="214"/>
    </row>
    <row r="44" spans="1:13" s="273" customFormat="1" ht="10.5" x14ac:dyDescent="0.2">
      <c r="A44" s="431" t="s">
        <v>686</v>
      </c>
      <c r="B44" s="408">
        <v>4028000</v>
      </c>
      <c r="C44" s="408">
        <v>4128000</v>
      </c>
      <c r="D44" s="408">
        <v>12783.23</v>
      </c>
      <c r="E44" s="408">
        <v>23753.47</v>
      </c>
      <c r="F44" s="408">
        <v>2.1971963276450667E-4</v>
      </c>
      <c r="G44" s="408">
        <v>4104246.53</v>
      </c>
      <c r="H44" s="408">
        <v>12783.23</v>
      </c>
      <c r="I44" s="408">
        <v>23753.47</v>
      </c>
      <c r="J44" s="408">
        <v>2.8327870711031711E-4</v>
      </c>
      <c r="K44" s="408">
        <v>4104246.53</v>
      </c>
      <c r="L44" s="409"/>
      <c r="M44" s="214"/>
    </row>
    <row r="45" spans="1:13" ht="10.5" x14ac:dyDescent="0.2">
      <c r="A45" s="431"/>
      <c r="B45" s="408"/>
      <c r="C45" s="406"/>
      <c r="D45" s="406"/>
      <c r="E45" s="406"/>
      <c r="F45" s="406"/>
      <c r="G45" s="406"/>
      <c r="H45" s="406"/>
      <c r="I45" s="406"/>
      <c r="J45" s="406"/>
      <c r="K45" s="406"/>
      <c r="L45" s="407"/>
    </row>
    <row r="46" spans="1:13" s="68" customFormat="1" ht="10.5" x14ac:dyDescent="0.2">
      <c r="A46" s="140" t="s">
        <v>661</v>
      </c>
      <c r="B46" s="406">
        <v>240052900</v>
      </c>
      <c r="C46" s="406">
        <v>209604897</v>
      </c>
      <c r="D46" s="406">
        <v>24418996.400000002</v>
      </c>
      <c r="E46" s="406">
        <v>120583018.95</v>
      </c>
      <c r="F46" s="406">
        <v>1.1153931043055834</v>
      </c>
      <c r="G46" s="406">
        <v>89021878.049999997</v>
      </c>
      <c r="H46" s="406">
        <v>26191290.039999999</v>
      </c>
      <c r="I46" s="406">
        <v>105310697.8</v>
      </c>
      <c r="J46" s="406">
        <v>1.2559124337483878</v>
      </c>
      <c r="K46" s="406">
        <v>104294199.2</v>
      </c>
      <c r="L46" s="407"/>
      <c r="M46" s="153"/>
    </row>
    <row r="47" spans="1:13" s="273" customFormat="1" ht="10.5" x14ac:dyDescent="0.2">
      <c r="A47" s="431" t="s">
        <v>753</v>
      </c>
      <c r="B47" s="408">
        <v>291200</v>
      </c>
      <c r="C47" s="408">
        <v>291500</v>
      </c>
      <c r="D47" s="408">
        <v>91975.28</v>
      </c>
      <c r="E47" s="408">
        <v>111851.01</v>
      </c>
      <c r="F47" s="408">
        <v>1.0346220085545041E-3</v>
      </c>
      <c r="G47" s="408">
        <v>179648.99</v>
      </c>
      <c r="H47" s="408">
        <v>79274.5</v>
      </c>
      <c r="I47" s="408">
        <v>97122.3</v>
      </c>
      <c r="J47" s="408">
        <v>1.1582593859162621E-3</v>
      </c>
      <c r="K47" s="408">
        <v>194377.7</v>
      </c>
      <c r="L47" s="409"/>
      <c r="M47" s="214"/>
    </row>
    <row r="48" spans="1:13" s="273" customFormat="1" ht="10.5" x14ac:dyDescent="0.2">
      <c r="A48" s="431" t="s">
        <v>662</v>
      </c>
      <c r="B48" s="408">
        <v>239761600</v>
      </c>
      <c r="C48" s="408">
        <v>209313197</v>
      </c>
      <c r="D48" s="408">
        <v>24327021.120000001</v>
      </c>
      <c r="E48" s="408">
        <v>120471167.94</v>
      </c>
      <c r="F48" s="408">
        <v>1.1143584822970287</v>
      </c>
      <c r="G48" s="408">
        <v>88842029.060000002</v>
      </c>
      <c r="H48" s="408">
        <v>26112015.539999999</v>
      </c>
      <c r="I48" s="408">
        <v>105213575.5</v>
      </c>
      <c r="J48" s="408">
        <v>1.2547541743624715</v>
      </c>
      <c r="K48" s="408">
        <v>104099621.5</v>
      </c>
      <c r="L48" s="409"/>
      <c r="M48" s="214"/>
    </row>
    <row r="49" spans="1:13" s="273" customFormat="1" ht="10.5" x14ac:dyDescent="0.2">
      <c r="A49" s="431" t="s">
        <v>688</v>
      </c>
      <c r="B49" s="408">
        <v>100</v>
      </c>
      <c r="C49" s="408">
        <v>100</v>
      </c>
      <c r="D49" s="408">
        <v>0</v>
      </c>
      <c r="E49" s="408">
        <v>0</v>
      </c>
      <c r="F49" s="408">
        <v>0</v>
      </c>
      <c r="G49" s="408">
        <v>100</v>
      </c>
      <c r="H49" s="408">
        <v>0</v>
      </c>
      <c r="I49" s="408">
        <v>0</v>
      </c>
      <c r="J49" s="408">
        <v>0</v>
      </c>
      <c r="K49" s="408">
        <v>100</v>
      </c>
      <c r="L49" s="409"/>
      <c r="M49" s="214"/>
    </row>
    <row r="50" spans="1:13" s="273" customFormat="1" ht="10.5" x14ac:dyDescent="0.2">
      <c r="A50" s="431" t="s">
        <v>687</v>
      </c>
      <c r="B50" s="408">
        <v>0</v>
      </c>
      <c r="C50" s="408">
        <v>100</v>
      </c>
      <c r="D50" s="408">
        <v>0</v>
      </c>
      <c r="E50" s="408">
        <v>0</v>
      </c>
      <c r="F50" s="408">
        <v>0</v>
      </c>
      <c r="G50" s="408">
        <v>100</v>
      </c>
      <c r="H50" s="408">
        <v>0</v>
      </c>
      <c r="I50" s="408">
        <v>0</v>
      </c>
      <c r="J50" s="408">
        <v>0</v>
      </c>
      <c r="K50" s="408">
        <v>100</v>
      </c>
      <c r="L50" s="409"/>
      <c r="M50" s="214"/>
    </row>
    <row r="51" spans="1:13" s="273" customFormat="1" ht="10.5" x14ac:dyDescent="0.2">
      <c r="A51" s="431"/>
      <c r="B51" s="408"/>
      <c r="C51" s="408"/>
      <c r="D51" s="408"/>
      <c r="E51" s="408"/>
      <c r="F51" s="408"/>
      <c r="G51" s="408"/>
      <c r="H51" s="408"/>
      <c r="I51" s="408"/>
      <c r="J51" s="408"/>
      <c r="K51" s="408"/>
      <c r="L51" s="409"/>
      <c r="M51" s="214"/>
    </row>
    <row r="52" spans="1:13" s="68" customFormat="1" ht="10.5" x14ac:dyDescent="0.2">
      <c r="A52" s="140" t="s">
        <v>663</v>
      </c>
      <c r="B52" s="406">
        <v>1547322700</v>
      </c>
      <c r="C52" s="406">
        <v>2012848859.9999998</v>
      </c>
      <c r="D52" s="406">
        <v>19157936.640000001</v>
      </c>
      <c r="E52" s="406">
        <v>1273011059.3399999</v>
      </c>
      <c r="F52" s="406">
        <v>11.77535418881285</v>
      </c>
      <c r="G52" s="406">
        <v>739837800.65999985</v>
      </c>
      <c r="H52" s="406">
        <v>187175067.86000001</v>
      </c>
      <c r="I52" s="406">
        <v>1219781543.54</v>
      </c>
      <c r="J52" s="406">
        <v>14.546848886122246</v>
      </c>
      <c r="K52" s="406">
        <v>793067316.4599998</v>
      </c>
      <c r="L52" s="407"/>
      <c r="M52" s="153"/>
    </row>
    <row r="53" spans="1:13" s="273" customFormat="1" ht="10.5" x14ac:dyDescent="0.2">
      <c r="A53" s="431" t="s">
        <v>664</v>
      </c>
      <c r="B53" s="408">
        <v>1547322700</v>
      </c>
      <c r="C53" s="408">
        <v>2012848859.9999998</v>
      </c>
      <c r="D53" s="408">
        <v>19157936.640000001</v>
      </c>
      <c r="E53" s="408">
        <v>1273011059.3399999</v>
      </c>
      <c r="F53" s="408">
        <v>11.77535418881285</v>
      </c>
      <c r="G53" s="408">
        <v>739837800.65999985</v>
      </c>
      <c r="H53" s="408">
        <v>187175067.86000001</v>
      </c>
      <c r="I53" s="408">
        <v>1219781543.54</v>
      </c>
      <c r="J53" s="408">
        <v>14.546848886122246</v>
      </c>
      <c r="K53" s="408">
        <v>793067316.4599998</v>
      </c>
      <c r="L53" s="409"/>
      <c r="M53" s="214"/>
    </row>
    <row r="54" spans="1:13" ht="10.5" x14ac:dyDescent="0.2">
      <c r="A54" s="431"/>
      <c r="B54" s="408"/>
      <c r="C54" s="406"/>
      <c r="D54" s="406"/>
      <c r="E54" s="406"/>
      <c r="F54" s="406"/>
      <c r="G54" s="406"/>
      <c r="H54" s="406"/>
      <c r="I54" s="406"/>
      <c r="J54" s="406"/>
      <c r="K54" s="406"/>
      <c r="L54" s="407"/>
    </row>
    <row r="55" spans="1:13" s="68" customFormat="1" ht="10.5" x14ac:dyDescent="0.2">
      <c r="A55" s="140" t="s">
        <v>665</v>
      </c>
      <c r="B55" s="406">
        <v>1074951200</v>
      </c>
      <c r="C55" s="406">
        <v>1036379000</v>
      </c>
      <c r="D55" s="406">
        <v>120505841.70999999</v>
      </c>
      <c r="E55" s="406">
        <v>719213162.6400001</v>
      </c>
      <c r="F55" s="406">
        <v>6.6527228221670436</v>
      </c>
      <c r="G55" s="406">
        <v>317165837.36000001</v>
      </c>
      <c r="H55" s="406">
        <v>133735379.75</v>
      </c>
      <c r="I55" s="406">
        <v>445611027.63000011</v>
      </c>
      <c r="J55" s="406">
        <v>5.3142600125845281</v>
      </c>
      <c r="K55" s="406">
        <v>590767972.37000012</v>
      </c>
      <c r="L55" s="407"/>
      <c r="M55" s="153"/>
    </row>
    <row r="56" spans="1:13" ht="10.5" x14ac:dyDescent="0.2">
      <c r="A56" s="19" t="s">
        <v>651</v>
      </c>
      <c r="B56" s="408">
        <v>333011100</v>
      </c>
      <c r="C56" s="408">
        <v>320568158.93000001</v>
      </c>
      <c r="D56" s="408">
        <v>63937765.789999999</v>
      </c>
      <c r="E56" s="408">
        <v>205184518.50999999</v>
      </c>
      <c r="F56" s="408">
        <v>1.8979571008353437</v>
      </c>
      <c r="G56" s="408">
        <v>115383640.42000002</v>
      </c>
      <c r="H56" s="408">
        <v>28166855.239999998</v>
      </c>
      <c r="I56" s="408">
        <v>120403075.31</v>
      </c>
      <c r="J56" s="408">
        <v>1.4359008391583605</v>
      </c>
      <c r="K56" s="408">
        <v>200165083.62</v>
      </c>
      <c r="L56" s="407"/>
    </row>
    <row r="57" spans="1:13" ht="10.5" x14ac:dyDescent="0.2">
      <c r="A57" s="19" t="s">
        <v>754</v>
      </c>
      <c r="B57" s="408">
        <v>2181000</v>
      </c>
      <c r="C57" s="408">
        <v>381000</v>
      </c>
      <c r="D57" s="408">
        <v>7000</v>
      </c>
      <c r="E57" s="408">
        <v>24931.9</v>
      </c>
      <c r="F57" s="408">
        <v>2.3062011201400903E-4</v>
      </c>
      <c r="G57" s="408">
        <v>356068.1</v>
      </c>
      <c r="H57" s="408">
        <v>7068.85</v>
      </c>
      <c r="I57" s="408">
        <v>11109.92</v>
      </c>
      <c r="J57" s="408">
        <v>1.3249448496152581E-4</v>
      </c>
      <c r="K57" s="408">
        <v>369890.08</v>
      </c>
      <c r="L57" s="407"/>
    </row>
    <row r="58" spans="1:13" ht="10.5" x14ac:dyDescent="0.2">
      <c r="A58" s="19" t="s">
        <v>655</v>
      </c>
      <c r="B58" s="408">
        <v>4578100</v>
      </c>
      <c r="C58" s="408">
        <v>3653800</v>
      </c>
      <c r="D58" s="408">
        <v>53954.99</v>
      </c>
      <c r="E58" s="408">
        <v>1252358.81</v>
      </c>
      <c r="F58" s="408">
        <v>1.1584320851757429E-2</v>
      </c>
      <c r="G58" s="408">
        <v>2401441.19</v>
      </c>
      <c r="H58" s="408">
        <v>114508.23</v>
      </c>
      <c r="I58" s="408">
        <v>326024.37</v>
      </c>
      <c r="J58" s="408">
        <v>3.8880955927725783E-3</v>
      </c>
      <c r="K58" s="408">
        <v>3327775.63</v>
      </c>
      <c r="L58" s="407"/>
    </row>
    <row r="59" spans="1:13" ht="10.5" x14ac:dyDescent="0.2">
      <c r="A59" s="431" t="s">
        <v>667</v>
      </c>
      <c r="B59" s="408">
        <v>64744900</v>
      </c>
      <c r="C59" s="408">
        <v>65322500</v>
      </c>
      <c r="D59" s="408">
        <v>6620951.8099999996</v>
      </c>
      <c r="E59" s="408">
        <v>49980724.060000002</v>
      </c>
      <c r="F59" s="408">
        <v>0.46232177175660405</v>
      </c>
      <c r="G59" s="408">
        <v>15341775.939999998</v>
      </c>
      <c r="H59" s="408">
        <v>5494961.5199999996</v>
      </c>
      <c r="I59" s="408">
        <v>21514622.379999999</v>
      </c>
      <c r="J59" s="408">
        <v>0.25657869826063701</v>
      </c>
      <c r="K59" s="408">
        <v>43807877.620000005</v>
      </c>
      <c r="L59" s="407"/>
    </row>
    <row r="60" spans="1:13" ht="10.5" x14ac:dyDescent="0.2">
      <c r="A60" s="431" t="s">
        <v>668</v>
      </c>
      <c r="B60" s="408">
        <v>547235100</v>
      </c>
      <c r="C60" s="408">
        <v>527399090.06999999</v>
      </c>
      <c r="D60" s="408">
        <v>32900859.879999999</v>
      </c>
      <c r="E60" s="408">
        <v>393613016.41000003</v>
      </c>
      <c r="F60" s="408">
        <v>3.6409209861521257</v>
      </c>
      <c r="G60" s="408">
        <v>133786073.65999997</v>
      </c>
      <c r="H60" s="408">
        <v>79987875.969999999</v>
      </c>
      <c r="I60" s="408">
        <v>255047566.05000001</v>
      </c>
      <c r="J60" s="408">
        <v>3.04164169539344</v>
      </c>
      <c r="K60" s="408">
        <v>272351524.01999998</v>
      </c>
      <c r="L60" s="407"/>
    </row>
    <row r="61" spans="1:13" ht="10.5" x14ac:dyDescent="0.2">
      <c r="A61" s="431" t="s">
        <v>669</v>
      </c>
      <c r="B61" s="408">
        <v>76275000</v>
      </c>
      <c r="C61" s="408">
        <v>73796151</v>
      </c>
      <c r="D61" s="408">
        <v>12475379.98</v>
      </c>
      <c r="E61" s="408">
        <v>43482392.619999997</v>
      </c>
      <c r="F61" s="408">
        <v>0.40221219628915245</v>
      </c>
      <c r="G61" s="408">
        <v>30313758.380000003</v>
      </c>
      <c r="H61" s="408">
        <v>14184794.220000001</v>
      </c>
      <c r="I61" s="408">
        <v>36892213.039999999</v>
      </c>
      <c r="J61" s="408">
        <v>0.43996849354681994</v>
      </c>
      <c r="K61" s="408">
        <v>36903937.960000001</v>
      </c>
      <c r="L61" s="407"/>
    </row>
    <row r="62" spans="1:13" ht="10.5" x14ac:dyDescent="0.2">
      <c r="A62" s="431" t="s">
        <v>670</v>
      </c>
      <c r="B62" s="408">
        <v>17119600</v>
      </c>
      <c r="C62" s="408">
        <v>20661900</v>
      </c>
      <c r="D62" s="408">
        <v>2611818.4900000002</v>
      </c>
      <c r="E62" s="408">
        <v>15216405.5</v>
      </c>
      <c r="F62" s="408">
        <v>0.1407517734653429</v>
      </c>
      <c r="G62" s="408">
        <v>5445494.5</v>
      </c>
      <c r="H62" s="408">
        <v>3347405.24</v>
      </c>
      <c r="I62" s="408">
        <v>5562295.5599999996</v>
      </c>
      <c r="J62" s="408">
        <v>6.6334724770833783E-2</v>
      </c>
      <c r="K62" s="408">
        <v>15099604.440000001</v>
      </c>
      <c r="L62" s="407"/>
    </row>
    <row r="63" spans="1:13" ht="10.5" x14ac:dyDescent="0.2">
      <c r="A63" s="431" t="s">
        <v>671</v>
      </c>
      <c r="B63" s="408">
        <v>21281500</v>
      </c>
      <c r="C63" s="408">
        <v>16581500</v>
      </c>
      <c r="D63" s="408">
        <v>1286775.02</v>
      </c>
      <c r="E63" s="408">
        <v>6091911.46</v>
      </c>
      <c r="F63" s="408">
        <v>5.6350190049078694E-2</v>
      </c>
      <c r="G63" s="408">
        <v>10489588.539999999</v>
      </c>
      <c r="H63" s="408">
        <v>1269329.26</v>
      </c>
      <c r="I63" s="408">
        <v>2973530.91</v>
      </c>
      <c r="J63" s="408">
        <v>3.5461681671661645E-2</v>
      </c>
      <c r="K63" s="408">
        <v>13607969.09</v>
      </c>
      <c r="L63" s="407"/>
    </row>
    <row r="64" spans="1:13" ht="10.5" x14ac:dyDescent="0.2">
      <c r="A64" s="431" t="s">
        <v>672</v>
      </c>
      <c r="B64" s="408">
        <v>108000</v>
      </c>
      <c r="C64" s="408">
        <v>108000</v>
      </c>
      <c r="D64" s="408">
        <v>18300</v>
      </c>
      <c r="E64" s="408">
        <v>44650</v>
      </c>
      <c r="F64" s="408">
        <v>4.130125662875875E-4</v>
      </c>
      <c r="G64" s="408">
        <v>63350</v>
      </c>
      <c r="H64" s="408">
        <v>3631.31</v>
      </c>
      <c r="I64" s="408">
        <v>25837.88</v>
      </c>
      <c r="J64" s="408">
        <v>3.081369265573207E-4</v>
      </c>
      <c r="K64" s="408">
        <v>82162.12</v>
      </c>
      <c r="L64" s="407"/>
    </row>
    <row r="65" spans="1:13" ht="10.5" x14ac:dyDescent="0.2">
      <c r="A65" s="431" t="s">
        <v>673</v>
      </c>
      <c r="B65" s="408">
        <v>3661900</v>
      </c>
      <c r="C65" s="408">
        <v>3661900</v>
      </c>
      <c r="D65" s="408">
        <v>212192.61</v>
      </c>
      <c r="E65" s="408">
        <v>1931848.2</v>
      </c>
      <c r="F65" s="408">
        <v>1.7869598718030382E-2</v>
      </c>
      <c r="G65" s="408">
        <v>1730051.8</v>
      </c>
      <c r="H65" s="408">
        <v>427513.55</v>
      </c>
      <c r="I65" s="408">
        <v>1428804.39</v>
      </c>
      <c r="J65" s="408">
        <v>1.7039609804914618E-2</v>
      </c>
      <c r="K65" s="408">
        <v>2233095.6100000003</v>
      </c>
      <c r="L65" s="407"/>
    </row>
    <row r="66" spans="1:13" ht="10.5" x14ac:dyDescent="0.2">
      <c r="A66" s="431" t="s">
        <v>677</v>
      </c>
      <c r="B66" s="408">
        <v>3687000</v>
      </c>
      <c r="C66" s="408">
        <v>3177000</v>
      </c>
      <c r="D66" s="408">
        <v>380843.14</v>
      </c>
      <c r="E66" s="408">
        <v>1322405.17</v>
      </c>
      <c r="F66" s="408">
        <v>1.2232249785748564E-2</v>
      </c>
      <c r="G66" s="408">
        <v>1854594.83</v>
      </c>
      <c r="H66" s="408">
        <v>356510.79</v>
      </c>
      <c r="I66" s="408">
        <v>711997.97</v>
      </c>
      <c r="J66" s="408">
        <v>8.4911326390110734E-3</v>
      </c>
      <c r="K66" s="408">
        <v>2465002.0300000003</v>
      </c>
      <c r="L66" s="407"/>
    </row>
    <row r="67" spans="1:13" ht="10.5" x14ac:dyDescent="0.2">
      <c r="A67" s="431" t="s">
        <v>729</v>
      </c>
      <c r="B67" s="408">
        <v>1068000</v>
      </c>
      <c r="C67" s="408">
        <v>1068000</v>
      </c>
      <c r="D67" s="408">
        <v>0</v>
      </c>
      <c r="E67" s="408">
        <v>1068000</v>
      </c>
      <c r="F67" s="408">
        <v>9.8790015855575244E-3</v>
      </c>
      <c r="G67" s="408">
        <v>0</v>
      </c>
      <c r="H67" s="408">
        <v>374925.57</v>
      </c>
      <c r="I67" s="408">
        <v>713949.85</v>
      </c>
      <c r="J67" s="408">
        <v>8.5144103345576386E-3</v>
      </c>
      <c r="K67" s="408">
        <v>354050.15</v>
      </c>
      <c r="L67" s="409"/>
    </row>
    <row r="68" spans="1:13" ht="10.5" x14ac:dyDescent="0.2">
      <c r="A68" s="431"/>
      <c r="B68" s="408"/>
      <c r="C68" s="406"/>
      <c r="D68" s="406"/>
      <c r="E68" s="406"/>
      <c r="F68" s="406"/>
      <c r="G68" s="406"/>
      <c r="H68" s="406"/>
      <c r="I68" s="406"/>
      <c r="J68" s="406"/>
      <c r="K68" s="406"/>
      <c r="L68" s="407"/>
    </row>
    <row r="69" spans="1:13" s="68" customFormat="1" ht="10.5" x14ac:dyDescent="0.2">
      <c r="A69" s="140" t="s">
        <v>666</v>
      </c>
      <c r="B69" s="406">
        <v>12324500</v>
      </c>
      <c r="C69" s="406">
        <v>12712761.32</v>
      </c>
      <c r="D69" s="406">
        <v>1246214.1099999999</v>
      </c>
      <c r="E69" s="406">
        <v>8654846.7599999998</v>
      </c>
      <c r="F69" s="406">
        <v>8.0057345379023787E-2</v>
      </c>
      <c r="G69" s="406">
        <v>4057914.56</v>
      </c>
      <c r="H69" s="406">
        <v>1240724.76</v>
      </c>
      <c r="I69" s="406">
        <v>5732043.1200000001</v>
      </c>
      <c r="J69" s="406">
        <v>6.8359097181767053E-2</v>
      </c>
      <c r="K69" s="406">
        <v>6980718.2000000002</v>
      </c>
      <c r="L69" s="407"/>
      <c r="M69" s="153"/>
    </row>
    <row r="70" spans="1:13" s="273" customFormat="1" ht="10.5" x14ac:dyDescent="0.2">
      <c r="A70" s="431" t="s">
        <v>651</v>
      </c>
      <c r="B70" s="408">
        <v>5400000</v>
      </c>
      <c r="C70" s="408">
        <v>5207235.32</v>
      </c>
      <c r="D70" s="408">
        <v>43580.22</v>
      </c>
      <c r="E70" s="408">
        <v>4956856.62</v>
      </c>
      <c r="F70" s="408">
        <v>4.5850931093971266E-2</v>
      </c>
      <c r="G70" s="408">
        <v>250378.70000000019</v>
      </c>
      <c r="H70" s="408">
        <v>530028.18000000005</v>
      </c>
      <c r="I70" s="408">
        <v>3771650.29</v>
      </c>
      <c r="J70" s="408">
        <v>4.4979879479648766E-2</v>
      </c>
      <c r="K70" s="408">
        <v>1435585.0300000003</v>
      </c>
      <c r="L70" s="409"/>
      <c r="M70" s="214"/>
    </row>
    <row r="71" spans="1:13" s="273" customFormat="1" ht="10.5" x14ac:dyDescent="0.2">
      <c r="A71" s="431" t="s">
        <v>674</v>
      </c>
      <c r="B71" s="408">
        <v>6924500</v>
      </c>
      <c r="C71" s="408">
        <v>7505526</v>
      </c>
      <c r="D71" s="408">
        <v>1202633.8899999999</v>
      </c>
      <c r="E71" s="408">
        <v>3697990.14</v>
      </c>
      <c r="F71" s="408">
        <v>3.4206414285052521E-2</v>
      </c>
      <c r="G71" s="408">
        <v>3807535.86</v>
      </c>
      <c r="H71" s="408">
        <v>710696.58</v>
      </c>
      <c r="I71" s="408">
        <v>1960392.83</v>
      </c>
      <c r="J71" s="408">
        <v>2.3379217702118288E-2</v>
      </c>
      <c r="K71" s="408">
        <v>5545133.1699999999</v>
      </c>
      <c r="L71" s="409"/>
      <c r="M71" s="214"/>
    </row>
    <row r="72" spans="1:13" ht="10.5" x14ac:dyDescent="0.2">
      <c r="A72" s="431"/>
      <c r="B72" s="408"/>
      <c r="C72" s="406"/>
      <c r="D72" s="406"/>
      <c r="E72" s="406"/>
      <c r="F72" s="406"/>
      <c r="G72" s="406"/>
      <c r="H72" s="406"/>
      <c r="I72" s="406"/>
      <c r="J72" s="406"/>
      <c r="K72" s="406"/>
      <c r="L72" s="407"/>
    </row>
    <row r="73" spans="1:13" s="68" customFormat="1" ht="10.5" x14ac:dyDescent="0.2">
      <c r="A73" s="140" t="s">
        <v>682</v>
      </c>
      <c r="B73" s="406">
        <v>1479468400</v>
      </c>
      <c r="C73" s="406">
        <v>1531604534.25</v>
      </c>
      <c r="D73" s="406">
        <v>266949048.88000005</v>
      </c>
      <c r="E73" s="406">
        <v>1173903732.1900001</v>
      </c>
      <c r="F73" s="406">
        <v>10.858611265540175</v>
      </c>
      <c r="G73" s="406">
        <v>357700802.05999994</v>
      </c>
      <c r="H73" s="406">
        <v>230466266.30000001</v>
      </c>
      <c r="I73" s="406">
        <v>875635060.43999982</v>
      </c>
      <c r="J73" s="406">
        <v>10.44263292150189</v>
      </c>
      <c r="K73" s="406">
        <v>655969473.81000006</v>
      </c>
      <c r="L73" s="407"/>
      <c r="M73" s="153"/>
    </row>
    <row r="74" spans="1:13" s="273" customFormat="1" ht="10.5" x14ac:dyDescent="0.2">
      <c r="A74" s="19" t="s">
        <v>651</v>
      </c>
      <c r="B74" s="408">
        <v>1126742800</v>
      </c>
      <c r="C74" s="408">
        <v>1232599682.51</v>
      </c>
      <c r="D74" s="408">
        <v>236527505.52000001</v>
      </c>
      <c r="E74" s="408">
        <v>1008474549.3200001</v>
      </c>
      <c r="F74" s="408">
        <v>9.3283910783957769</v>
      </c>
      <c r="G74" s="408">
        <v>224125133.18999994</v>
      </c>
      <c r="H74" s="408">
        <v>189317102.84</v>
      </c>
      <c r="I74" s="408">
        <v>782846836.77999997</v>
      </c>
      <c r="J74" s="408">
        <v>9.3360607855795301</v>
      </c>
      <c r="K74" s="408">
        <v>449752845.73000002</v>
      </c>
      <c r="L74" s="409"/>
      <c r="M74" s="214"/>
    </row>
    <row r="75" spans="1:13" s="273" customFormat="1" ht="10.5" x14ac:dyDescent="0.2">
      <c r="A75" s="431" t="s">
        <v>675</v>
      </c>
      <c r="B75" s="408">
        <v>34443400</v>
      </c>
      <c r="C75" s="408">
        <v>33427083.289999999</v>
      </c>
      <c r="D75" s="408">
        <v>3734127.58</v>
      </c>
      <c r="E75" s="408">
        <v>18383145.059999999</v>
      </c>
      <c r="F75" s="408">
        <v>0.17004411909669848</v>
      </c>
      <c r="G75" s="408">
        <v>15043938.23</v>
      </c>
      <c r="H75" s="408">
        <v>6812864.1900000004</v>
      </c>
      <c r="I75" s="408">
        <v>10760027.67</v>
      </c>
      <c r="J75" s="408">
        <v>0.12832174527885137</v>
      </c>
      <c r="K75" s="408">
        <v>22667055.619999997</v>
      </c>
      <c r="L75" s="409"/>
      <c r="M75" s="214"/>
    </row>
    <row r="76" spans="1:13" s="273" customFormat="1" ht="10.5" x14ac:dyDescent="0.2">
      <c r="A76" s="431" t="s">
        <v>676</v>
      </c>
      <c r="B76" s="408">
        <v>35014400</v>
      </c>
      <c r="C76" s="408">
        <v>12359290</v>
      </c>
      <c r="D76" s="408">
        <v>80334.710000000006</v>
      </c>
      <c r="E76" s="408">
        <v>7137114.2999999998</v>
      </c>
      <c r="F76" s="408">
        <v>6.601831787079146E-2</v>
      </c>
      <c r="G76" s="408">
        <v>5222175.7</v>
      </c>
      <c r="H76" s="408">
        <v>6362683.4299999997</v>
      </c>
      <c r="I76" s="408">
        <v>6821894.0599999996</v>
      </c>
      <c r="J76" s="408">
        <v>8.1356422003200035E-2</v>
      </c>
      <c r="K76" s="408">
        <v>5537395.9400000004</v>
      </c>
      <c r="L76" s="409"/>
      <c r="M76" s="214"/>
    </row>
    <row r="77" spans="1:13" s="273" customFormat="1" ht="10.5" x14ac:dyDescent="0.2">
      <c r="A77" s="431" t="s">
        <v>677</v>
      </c>
      <c r="B77" s="408">
        <v>21651100</v>
      </c>
      <c r="C77" s="408">
        <v>27744993.280000001</v>
      </c>
      <c r="D77" s="408">
        <v>418333.87</v>
      </c>
      <c r="E77" s="408">
        <v>18918260.5</v>
      </c>
      <c r="F77" s="408">
        <v>0.17499393771113322</v>
      </c>
      <c r="G77" s="408">
        <v>8826732.7800000012</v>
      </c>
      <c r="H77" s="408">
        <v>2958093.98</v>
      </c>
      <c r="I77" s="408">
        <v>10337577.140000001</v>
      </c>
      <c r="J77" s="408">
        <v>0.12328369231410694</v>
      </c>
      <c r="K77" s="408">
        <v>17407416.140000001</v>
      </c>
      <c r="L77" s="409"/>
      <c r="M77" s="214"/>
    </row>
    <row r="78" spans="1:13" s="273" customFormat="1" ht="10.5" x14ac:dyDescent="0.2">
      <c r="A78" s="431" t="s">
        <v>678</v>
      </c>
      <c r="B78" s="408">
        <v>24613100</v>
      </c>
      <c r="C78" s="408">
        <v>21435370</v>
      </c>
      <c r="D78" s="408">
        <v>804894.89</v>
      </c>
      <c r="E78" s="408">
        <v>11709621.449999999</v>
      </c>
      <c r="F78" s="408">
        <v>0.10831401579665581</v>
      </c>
      <c r="G78" s="408">
        <v>9725748.5500000007</v>
      </c>
      <c r="H78" s="408">
        <v>2057488.4</v>
      </c>
      <c r="I78" s="408">
        <v>6535265.3899999997</v>
      </c>
      <c r="J78" s="408">
        <v>7.7938150943925338E-2</v>
      </c>
      <c r="K78" s="408">
        <v>14900104.609999999</v>
      </c>
      <c r="L78" s="409"/>
      <c r="M78" s="214"/>
    </row>
    <row r="79" spans="1:13" s="273" customFormat="1" ht="10.5" x14ac:dyDescent="0.2">
      <c r="A79" s="431" t="s">
        <v>679</v>
      </c>
      <c r="B79" s="408">
        <v>187600</v>
      </c>
      <c r="C79" s="408">
        <v>187600</v>
      </c>
      <c r="D79" s="408">
        <v>0</v>
      </c>
      <c r="E79" s="408">
        <v>0</v>
      </c>
      <c r="F79" s="408">
        <v>0</v>
      </c>
      <c r="G79" s="408">
        <v>187600</v>
      </c>
      <c r="H79" s="408">
        <v>0</v>
      </c>
      <c r="I79" s="408">
        <v>0</v>
      </c>
      <c r="J79" s="408">
        <v>0</v>
      </c>
      <c r="K79" s="408">
        <v>187600</v>
      </c>
      <c r="L79" s="409"/>
      <c r="M79" s="214"/>
    </row>
    <row r="80" spans="1:13" s="273" customFormat="1" ht="10.5" x14ac:dyDescent="0.2">
      <c r="A80" s="431" t="s">
        <v>680</v>
      </c>
      <c r="B80" s="408">
        <v>5327000</v>
      </c>
      <c r="C80" s="408">
        <v>11275585.17</v>
      </c>
      <c r="D80" s="408">
        <v>2454701.16</v>
      </c>
      <c r="E80" s="408">
        <v>7793099.2599999998</v>
      </c>
      <c r="F80" s="408">
        <v>7.208617972466963E-2</v>
      </c>
      <c r="G80" s="408">
        <v>3482485.91</v>
      </c>
      <c r="H80" s="408">
        <v>3790377.48</v>
      </c>
      <c r="I80" s="408">
        <v>7658410.9299999997</v>
      </c>
      <c r="J80" s="408">
        <v>9.1332539909744603E-2</v>
      </c>
      <c r="K80" s="408">
        <v>3617174.24</v>
      </c>
      <c r="L80" s="409"/>
      <c r="M80" s="214"/>
    </row>
    <row r="81" spans="1:13" s="273" customFormat="1" ht="10.5" x14ac:dyDescent="0.2">
      <c r="A81" s="431" t="s">
        <v>681</v>
      </c>
      <c r="B81" s="408">
        <v>19483200</v>
      </c>
      <c r="C81" s="408">
        <v>13029113</v>
      </c>
      <c r="D81" s="408">
        <v>1918401.8</v>
      </c>
      <c r="E81" s="408">
        <v>5751003.1600000001</v>
      </c>
      <c r="F81" s="408">
        <v>5.3196787767964736E-2</v>
      </c>
      <c r="G81" s="408">
        <v>7278109.8399999999</v>
      </c>
      <c r="H81" s="408">
        <v>2940801.57</v>
      </c>
      <c r="I81" s="408">
        <v>4123801.88</v>
      </c>
      <c r="J81" s="408">
        <v>4.9179562604768697E-2</v>
      </c>
      <c r="K81" s="408">
        <v>8905311.120000001</v>
      </c>
      <c r="L81" s="409"/>
      <c r="M81" s="214"/>
    </row>
    <row r="82" spans="1:13" s="273" customFormat="1" ht="10.5" x14ac:dyDescent="0.2">
      <c r="A82" s="431" t="s">
        <v>755</v>
      </c>
      <c r="B82" s="408">
        <v>185126400</v>
      </c>
      <c r="C82" s="408">
        <v>159073017</v>
      </c>
      <c r="D82" s="408">
        <v>20120895.420000002</v>
      </c>
      <c r="E82" s="408">
        <v>91790994.510000005</v>
      </c>
      <c r="F82" s="408">
        <v>0.84906683549081652</v>
      </c>
      <c r="G82" s="408">
        <v>67282022.489999995</v>
      </c>
      <c r="H82" s="408">
        <v>15112521.359999999</v>
      </c>
      <c r="I82" s="408">
        <v>43859486.670000002</v>
      </c>
      <c r="J82" s="408">
        <v>0.52305868062223282</v>
      </c>
      <c r="K82" s="408">
        <v>115213530.33</v>
      </c>
      <c r="L82" s="409"/>
      <c r="M82" s="214"/>
    </row>
    <row r="83" spans="1:13" s="273" customFormat="1" ht="10.5" x14ac:dyDescent="0.2">
      <c r="A83" s="431" t="s">
        <v>703</v>
      </c>
      <c r="B83" s="408">
        <v>11318700</v>
      </c>
      <c r="C83" s="408">
        <v>7507628.8300000001</v>
      </c>
      <c r="D83" s="408">
        <v>497937.88</v>
      </c>
      <c r="E83" s="408">
        <v>1905841.43</v>
      </c>
      <c r="F83" s="408">
        <v>1.7629036056920618E-2</v>
      </c>
      <c r="G83" s="408">
        <v>5601787.4000000004</v>
      </c>
      <c r="H83" s="408">
        <v>564943.55000000005</v>
      </c>
      <c r="I83" s="408">
        <v>1400259.09</v>
      </c>
      <c r="J83" s="408">
        <v>1.6699184777410173E-2</v>
      </c>
      <c r="K83" s="408">
        <v>6107369.7400000002</v>
      </c>
      <c r="L83" s="409"/>
      <c r="M83" s="214"/>
    </row>
    <row r="84" spans="1:13" s="273" customFormat="1" ht="10.5" x14ac:dyDescent="0.2">
      <c r="A84" s="431" t="s">
        <v>705</v>
      </c>
      <c r="B84" s="408">
        <v>15560700</v>
      </c>
      <c r="C84" s="408">
        <v>12965171.17</v>
      </c>
      <c r="D84" s="408">
        <v>391916.05</v>
      </c>
      <c r="E84" s="408">
        <v>2040103.2</v>
      </c>
      <c r="F84" s="408">
        <v>1.8870957628746233E-2</v>
      </c>
      <c r="G84" s="408">
        <v>10925067.970000001</v>
      </c>
      <c r="H84" s="408">
        <v>549389.5</v>
      </c>
      <c r="I84" s="408">
        <v>1291500.83</v>
      </c>
      <c r="J84" s="408">
        <v>1.540215746812156E-2</v>
      </c>
      <c r="K84" s="408">
        <v>11673670.34</v>
      </c>
      <c r="L84" s="409"/>
      <c r="M84" s="214"/>
    </row>
    <row r="85" spans="1:13" s="273" customFormat="1" ht="10.5" x14ac:dyDescent="0.2">
      <c r="A85" s="431" t="s">
        <v>729</v>
      </c>
      <c r="B85" s="408">
        <v>0</v>
      </c>
      <c r="C85" s="408">
        <v>0</v>
      </c>
      <c r="D85" s="408">
        <v>0</v>
      </c>
      <c r="E85" s="408">
        <v>0</v>
      </c>
      <c r="F85" s="408">
        <v>0</v>
      </c>
      <c r="G85" s="408">
        <v>0</v>
      </c>
      <c r="H85" s="408">
        <v>0</v>
      </c>
      <c r="I85" s="408">
        <v>0</v>
      </c>
      <c r="J85" s="408">
        <v>0</v>
      </c>
      <c r="K85" s="408">
        <v>0</v>
      </c>
      <c r="L85" s="409"/>
      <c r="M85" s="214"/>
    </row>
    <row r="86" spans="1:13" ht="10.5" x14ac:dyDescent="0.2">
      <c r="A86" s="431"/>
      <c r="B86" s="408"/>
      <c r="C86" s="406"/>
      <c r="D86" s="406"/>
      <c r="E86" s="406"/>
      <c r="F86" s="406"/>
      <c r="G86" s="406"/>
      <c r="H86" s="406"/>
      <c r="I86" s="406"/>
      <c r="J86" s="406"/>
      <c r="K86" s="406"/>
      <c r="L86" s="407"/>
    </row>
    <row r="87" spans="1:13" s="68" customFormat="1" ht="10.5" x14ac:dyDescent="0.2">
      <c r="A87" s="140" t="s">
        <v>683</v>
      </c>
      <c r="B87" s="406">
        <v>45533800</v>
      </c>
      <c r="C87" s="406">
        <v>43176353.729999997</v>
      </c>
      <c r="D87" s="406">
        <v>2974575.9</v>
      </c>
      <c r="E87" s="406">
        <v>11939473.539999999</v>
      </c>
      <c r="F87" s="406">
        <v>0.11044014797039522</v>
      </c>
      <c r="G87" s="406">
        <v>31236880.189999998</v>
      </c>
      <c r="H87" s="406">
        <v>3489184</v>
      </c>
      <c r="I87" s="406">
        <v>8922572.3399999999</v>
      </c>
      <c r="J87" s="406">
        <v>0.10640865341246886</v>
      </c>
      <c r="K87" s="406">
        <v>34253781.390000001</v>
      </c>
      <c r="L87" s="407"/>
      <c r="M87" s="153"/>
    </row>
    <row r="88" spans="1:13" ht="10.5" x14ac:dyDescent="0.2">
      <c r="A88" s="431" t="s">
        <v>684</v>
      </c>
      <c r="B88" s="408">
        <v>45533800</v>
      </c>
      <c r="C88" s="408">
        <v>43176353.729999997</v>
      </c>
      <c r="D88" s="408">
        <v>2974575.9</v>
      </c>
      <c r="E88" s="408">
        <v>11939473.539999999</v>
      </c>
      <c r="F88" s="408">
        <v>0.11044014797039522</v>
      </c>
      <c r="G88" s="408">
        <v>31236880.189999998</v>
      </c>
      <c r="H88" s="408">
        <v>3489184</v>
      </c>
      <c r="I88" s="408">
        <v>8922572.3399999999</v>
      </c>
      <c r="J88" s="408">
        <v>0.10640865341246886</v>
      </c>
      <c r="K88" s="408">
        <v>34253781.390000001</v>
      </c>
      <c r="L88" s="407"/>
    </row>
    <row r="89" spans="1:13" ht="10.5" x14ac:dyDescent="0.2">
      <c r="A89" s="431"/>
      <c r="B89" s="408"/>
      <c r="C89" s="406"/>
      <c r="D89" s="406"/>
      <c r="E89" s="406"/>
      <c r="F89" s="406"/>
      <c r="G89" s="406"/>
      <c r="H89" s="406"/>
      <c r="I89" s="406"/>
      <c r="J89" s="406"/>
      <c r="K89" s="406"/>
      <c r="L89" s="407"/>
    </row>
    <row r="90" spans="1:13" s="68" customFormat="1" ht="10.5" x14ac:dyDescent="0.2">
      <c r="A90" s="140" t="s">
        <v>685</v>
      </c>
      <c r="B90" s="406">
        <v>118561400</v>
      </c>
      <c r="C90" s="406">
        <v>137356622</v>
      </c>
      <c r="D90" s="406">
        <v>13710886.779999999</v>
      </c>
      <c r="E90" s="406">
        <v>113648680.3</v>
      </c>
      <c r="F90" s="406">
        <v>1.0512504614983333</v>
      </c>
      <c r="G90" s="406">
        <v>23707941.700000007</v>
      </c>
      <c r="H90" s="406">
        <v>13067286.98</v>
      </c>
      <c r="I90" s="406">
        <v>105522896.82000001</v>
      </c>
      <c r="J90" s="406">
        <v>1.2584430730206995</v>
      </c>
      <c r="K90" s="406">
        <v>31833725.179999996</v>
      </c>
      <c r="L90" s="407"/>
      <c r="M90" s="153"/>
    </row>
    <row r="91" spans="1:13" ht="10.5" x14ac:dyDescent="0.2">
      <c r="A91" s="431" t="s">
        <v>656</v>
      </c>
      <c r="B91" s="408">
        <v>7712200</v>
      </c>
      <c r="C91" s="408">
        <v>7627600</v>
      </c>
      <c r="D91" s="408">
        <v>549475.01</v>
      </c>
      <c r="E91" s="408">
        <v>5960882.3399999999</v>
      </c>
      <c r="F91" s="408">
        <v>5.5138170494552281E-2</v>
      </c>
      <c r="G91" s="408">
        <v>1666717.6600000001</v>
      </c>
      <c r="H91" s="408">
        <v>1281682.31</v>
      </c>
      <c r="I91" s="408">
        <v>4887755.0599999996</v>
      </c>
      <c r="J91" s="408">
        <v>5.8290301756699553E-2</v>
      </c>
      <c r="K91" s="408">
        <v>2739844.9400000004</v>
      </c>
      <c r="L91" s="407"/>
    </row>
    <row r="92" spans="1:13" ht="10.5" x14ac:dyDescent="0.2">
      <c r="A92" s="431" t="s">
        <v>686</v>
      </c>
      <c r="B92" s="408">
        <v>105965000</v>
      </c>
      <c r="C92" s="408">
        <v>124142496</v>
      </c>
      <c r="D92" s="408">
        <v>13079727.02</v>
      </c>
      <c r="E92" s="408">
        <v>105878671.34999999</v>
      </c>
      <c r="F92" s="408">
        <v>0.97937786717544384</v>
      </c>
      <c r="G92" s="408">
        <v>18263824.650000006</v>
      </c>
      <c r="H92" s="408">
        <v>11406961.18</v>
      </c>
      <c r="I92" s="408">
        <v>98879378.980000004</v>
      </c>
      <c r="J92" s="408">
        <v>1.1792139269473245</v>
      </c>
      <c r="K92" s="408">
        <v>25263117.019999996</v>
      </c>
      <c r="L92" s="407"/>
    </row>
    <row r="93" spans="1:13" ht="10.5" x14ac:dyDescent="0.2">
      <c r="A93" s="431" t="s">
        <v>687</v>
      </c>
      <c r="B93" s="408">
        <v>4684200</v>
      </c>
      <c r="C93" s="408">
        <v>5386526</v>
      </c>
      <c r="D93" s="408">
        <v>81684.75</v>
      </c>
      <c r="E93" s="408">
        <v>1809126.61</v>
      </c>
      <c r="F93" s="408">
        <v>1.6734423828337369E-2</v>
      </c>
      <c r="G93" s="408">
        <v>3577399.3899999997</v>
      </c>
      <c r="H93" s="408">
        <v>378643.49</v>
      </c>
      <c r="I93" s="408">
        <v>1755762.78</v>
      </c>
      <c r="J93" s="408">
        <v>2.0938844316675254E-2</v>
      </c>
      <c r="K93" s="408">
        <v>3630763.2199999997</v>
      </c>
      <c r="L93" s="407"/>
    </row>
    <row r="94" spans="1:13" s="273" customFormat="1" ht="10.5" x14ac:dyDescent="0.2">
      <c r="A94" s="431" t="s">
        <v>688</v>
      </c>
      <c r="B94" s="408">
        <v>200000</v>
      </c>
      <c r="C94" s="408">
        <v>200000</v>
      </c>
      <c r="D94" s="408">
        <v>0</v>
      </c>
      <c r="E94" s="408">
        <v>0</v>
      </c>
      <c r="F94" s="408"/>
      <c r="G94" s="408">
        <v>200000</v>
      </c>
      <c r="H94" s="408">
        <v>0</v>
      </c>
      <c r="I94" s="408">
        <v>0</v>
      </c>
      <c r="J94" s="568">
        <v>0</v>
      </c>
      <c r="K94" s="408">
        <v>200000</v>
      </c>
      <c r="L94" s="407"/>
      <c r="M94" s="214"/>
    </row>
    <row r="95" spans="1:13" ht="10.5" x14ac:dyDescent="0.2">
      <c r="A95" s="431"/>
      <c r="B95" s="408"/>
      <c r="C95" s="408"/>
      <c r="D95" s="408"/>
      <c r="E95" s="408"/>
      <c r="F95" s="408"/>
      <c r="G95" s="408"/>
      <c r="H95" s="408"/>
      <c r="I95" s="408"/>
      <c r="J95" s="406"/>
      <c r="K95" s="406"/>
      <c r="L95" s="407"/>
    </row>
    <row r="96" spans="1:13" s="68" customFormat="1" ht="10.5" x14ac:dyDescent="0.2">
      <c r="A96" s="140" t="s">
        <v>689</v>
      </c>
      <c r="B96" s="406">
        <v>23514000</v>
      </c>
      <c r="C96" s="406">
        <v>15594000</v>
      </c>
      <c r="D96" s="406">
        <v>686760.6</v>
      </c>
      <c r="E96" s="406">
        <v>5730726.7300000004</v>
      </c>
      <c r="F96" s="406">
        <v>5.3009230760362264E-2</v>
      </c>
      <c r="G96" s="406">
        <v>9863273.2699999996</v>
      </c>
      <c r="H96" s="406">
        <v>31530</v>
      </c>
      <c r="I96" s="406">
        <v>4312983.32</v>
      </c>
      <c r="J96" s="406">
        <v>5.1435699233752505E-2</v>
      </c>
      <c r="K96" s="406">
        <v>11281016.68</v>
      </c>
      <c r="L96" s="407"/>
      <c r="M96" s="153"/>
    </row>
    <row r="97" spans="1:13" s="273" customFormat="1" ht="10.5" x14ac:dyDescent="0.2">
      <c r="A97" s="431" t="s">
        <v>690</v>
      </c>
      <c r="B97" s="408">
        <v>23500000</v>
      </c>
      <c r="C97" s="408">
        <v>15594000</v>
      </c>
      <c r="D97" s="408">
        <v>686760.6</v>
      </c>
      <c r="E97" s="408">
        <v>5730726.7300000004</v>
      </c>
      <c r="F97" s="408">
        <v>5.3009230760362264E-2</v>
      </c>
      <c r="G97" s="408">
        <v>9863273.2699999996</v>
      </c>
      <c r="H97" s="408">
        <v>31530</v>
      </c>
      <c r="I97" s="408">
        <v>4312983.32</v>
      </c>
      <c r="J97" s="408">
        <v>5.1435699233752505E-2</v>
      </c>
      <c r="K97" s="408">
        <v>11281016.68</v>
      </c>
      <c r="L97" s="409"/>
      <c r="M97" s="214"/>
    </row>
    <row r="98" spans="1:13" s="273" customFormat="1" ht="10.5" x14ac:dyDescent="0.2">
      <c r="A98" s="431" t="s">
        <v>691</v>
      </c>
      <c r="B98" s="408">
        <v>14000</v>
      </c>
      <c r="C98" s="408"/>
      <c r="D98" s="408">
        <v>0</v>
      </c>
      <c r="E98" s="408">
        <v>0</v>
      </c>
      <c r="F98" s="408">
        <v>0</v>
      </c>
      <c r="G98" s="408">
        <v>0</v>
      </c>
      <c r="H98" s="408">
        <v>0</v>
      </c>
      <c r="I98" s="408">
        <v>0</v>
      </c>
      <c r="J98" s="408">
        <v>0</v>
      </c>
      <c r="K98" s="408">
        <v>0</v>
      </c>
      <c r="L98" s="409"/>
      <c r="M98" s="214"/>
    </row>
    <row r="99" spans="1:13" ht="10.5" x14ac:dyDescent="0.2">
      <c r="A99" s="431"/>
      <c r="B99" s="408"/>
      <c r="C99" s="406"/>
      <c r="D99" s="406"/>
      <c r="E99" s="406"/>
      <c r="F99" s="406"/>
      <c r="G99" s="406"/>
      <c r="H99" s="406"/>
      <c r="I99" s="406"/>
      <c r="J99" s="406"/>
      <c r="K99" s="406"/>
      <c r="L99" s="407"/>
    </row>
    <row r="100" spans="1:13" s="68" customFormat="1" ht="10.5" x14ac:dyDescent="0.2">
      <c r="A100" s="140" t="s">
        <v>878</v>
      </c>
      <c r="B100" s="406">
        <v>80752700</v>
      </c>
      <c r="C100" s="406">
        <v>104929200</v>
      </c>
      <c r="D100" s="406">
        <v>6936119.4299999997</v>
      </c>
      <c r="E100" s="406">
        <v>32102960.159999996</v>
      </c>
      <c r="F100" s="406">
        <v>0.29695242914019659</v>
      </c>
      <c r="G100" s="406">
        <v>72826239.840000004</v>
      </c>
      <c r="H100" s="406">
        <v>6295594.5499999998</v>
      </c>
      <c r="I100" s="406">
        <v>20051834.960000001</v>
      </c>
      <c r="J100" s="406">
        <v>0.23913381424517163</v>
      </c>
      <c r="K100" s="406">
        <v>84877365.039999992</v>
      </c>
      <c r="L100" s="407"/>
      <c r="M100" s="153"/>
    </row>
    <row r="101" spans="1:13" ht="10.5" x14ac:dyDescent="0.2">
      <c r="A101" s="431" t="s">
        <v>651</v>
      </c>
      <c r="B101" s="408">
        <v>25865000</v>
      </c>
      <c r="C101" s="408">
        <v>27494580</v>
      </c>
      <c r="D101" s="408">
        <v>2565687.69</v>
      </c>
      <c r="E101" s="408">
        <v>14122066.029999999</v>
      </c>
      <c r="F101" s="408">
        <v>0.13062913174318169</v>
      </c>
      <c r="G101" s="408">
        <v>13372513.970000001</v>
      </c>
      <c r="H101" s="408">
        <v>2603202.5299999998</v>
      </c>
      <c r="I101" s="408">
        <v>8980556.3900000006</v>
      </c>
      <c r="J101" s="408">
        <v>0.10710015855748642</v>
      </c>
      <c r="K101" s="408">
        <v>18514023.609999999</v>
      </c>
      <c r="L101" s="407"/>
    </row>
    <row r="102" spans="1:13" ht="10.5" x14ac:dyDescent="0.2">
      <c r="A102" s="431" t="s">
        <v>652</v>
      </c>
      <c r="B102" s="408">
        <v>570000</v>
      </c>
      <c r="C102" s="408">
        <v>0</v>
      </c>
      <c r="D102" s="408">
        <v>0</v>
      </c>
      <c r="E102" s="408">
        <v>0</v>
      </c>
      <c r="F102" s="408">
        <v>0</v>
      </c>
      <c r="G102" s="408">
        <v>0</v>
      </c>
      <c r="H102" s="408">
        <v>0</v>
      </c>
      <c r="I102" s="408">
        <v>0</v>
      </c>
      <c r="J102" s="408">
        <v>0</v>
      </c>
      <c r="K102" s="408">
        <v>0</v>
      </c>
      <c r="L102" s="407"/>
    </row>
    <row r="103" spans="1:13" ht="10.5" x14ac:dyDescent="0.2">
      <c r="A103" s="431" t="s">
        <v>693</v>
      </c>
      <c r="B103" s="408">
        <v>54317700</v>
      </c>
      <c r="C103" s="408">
        <v>77434620</v>
      </c>
      <c r="D103" s="408">
        <v>4370431.74</v>
      </c>
      <c r="E103" s="408">
        <v>17980894.129999999</v>
      </c>
      <c r="F103" s="408">
        <v>0.16632329739701496</v>
      </c>
      <c r="G103" s="408">
        <v>59453725.870000005</v>
      </c>
      <c r="H103" s="408">
        <v>3692392.02</v>
      </c>
      <c r="I103" s="408">
        <v>11071278.57</v>
      </c>
      <c r="J103" s="408">
        <v>0.13203365568768521</v>
      </c>
      <c r="K103" s="408">
        <v>66363341.43</v>
      </c>
      <c r="L103" s="407"/>
    </row>
    <row r="104" spans="1:13" ht="10.5" x14ac:dyDescent="0.2">
      <c r="A104" s="431"/>
      <c r="B104" s="408"/>
      <c r="C104" s="408"/>
      <c r="D104" s="408"/>
      <c r="E104" s="408"/>
      <c r="F104" s="408"/>
      <c r="G104" s="408"/>
      <c r="H104" s="408"/>
      <c r="I104" s="408"/>
      <c r="J104" s="408"/>
      <c r="K104" s="408"/>
      <c r="L104" s="407"/>
    </row>
    <row r="105" spans="1:13" s="68" customFormat="1" ht="10.5" x14ac:dyDescent="0.2">
      <c r="A105" s="140" t="s">
        <v>694</v>
      </c>
      <c r="B105" s="406">
        <v>26500000</v>
      </c>
      <c r="C105" s="406">
        <v>100439000</v>
      </c>
      <c r="D105" s="406">
        <v>16810324.550000001</v>
      </c>
      <c r="E105" s="406">
        <v>70695238.019999996</v>
      </c>
      <c r="F105" s="406">
        <v>0.65393105663946305</v>
      </c>
      <c r="G105" s="406">
        <v>29743761.980000004</v>
      </c>
      <c r="H105" s="406">
        <v>1177912.1100000001</v>
      </c>
      <c r="I105" s="406">
        <v>13181850.08</v>
      </c>
      <c r="J105" s="406">
        <v>0.15720387160210403</v>
      </c>
      <c r="K105" s="406">
        <v>87257149.920000002</v>
      </c>
      <c r="L105" s="407"/>
      <c r="M105" s="153"/>
    </row>
    <row r="106" spans="1:13" ht="10.5" x14ac:dyDescent="0.2">
      <c r="A106" s="431" t="s">
        <v>695</v>
      </c>
      <c r="B106" s="408">
        <v>26500000</v>
      </c>
      <c r="C106" s="408">
        <v>100439000</v>
      </c>
      <c r="D106" s="408">
        <v>16810324.550000001</v>
      </c>
      <c r="E106" s="408">
        <v>70695238.019999996</v>
      </c>
      <c r="F106" s="408">
        <v>0.65393105663946305</v>
      </c>
      <c r="G106" s="408">
        <v>29743761.980000004</v>
      </c>
      <c r="H106" s="408">
        <v>1177912.1100000001</v>
      </c>
      <c r="I106" s="408">
        <v>13181850.08</v>
      </c>
      <c r="J106" s="408">
        <v>0.15720387160210403</v>
      </c>
      <c r="K106" s="408">
        <v>87257149.920000002</v>
      </c>
      <c r="L106" s="407"/>
    </row>
    <row r="107" spans="1:13" ht="10.5" x14ac:dyDescent="0.2">
      <c r="A107" s="431"/>
      <c r="B107" s="408"/>
      <c r="C107" s="406"/>
      <c r="D107" s="406"/>
      <c r="E107" s="406"/>
      <c r="F107" s="406"/>
      <c r="G107" s="406"/>
      <c r="H107" s="406"/>
      <c r="I107" s="406"/>
      <c r="J107" s="408"/>
      <c r="K107" s="408"/>
      <c r="L107" s="407"/>
    </row>
    <row r="108" spans="1:13" s="68" customFormat="1" ht="10.5" x14ac:dyDescent="0.2">
      <c r="A108" s="140" t="s">
        <v>696</v>
      </c>
      <c r="B108" s="406">
        <v>117143000</v>
      </c>
      <c r="C108" s="406">
        <v>126074915</v>
      </c>
      <c r="D108" s="406">
        <v>4261836.96</v>
      </c>
      <c r="E108" s="406">
        <v>23776276.550000001</v>
      </c>
      <c r="F108" s="406">
        <v>0.21993059338586535</v>
      </c>
      <c r="G108" s="406">
        <v>102298638.44999999</v>
      </c>
      <c r="H108" s="406">
        <v>5069440.1600000011</v>
      </c>
      <c r="I108" s="406">
        <v>20039542.66</v>
      </c>
      <c r="J108" s="406">
        <v>0.23898721895398209</v>
      </c>
      <c r="K108" s="406">
        <v>106035372.34</v>
      </c>
      <c r="L108" s="407"/>
      <c r="M108" s="153"/>
    </row>
    <row r="109" spans="1:13" ht="10.5" x14ac:dyDescent="0.2">
      <c r="A109" s="431" t="s">
        <v>756</v>
      </c>
      <c r="B109" s="408">
        <v>35065000</v>
      </c>
      <c r="C109" s="408">
        <v>43812415</v>
      </c>
      <c r="D109" s="408">
        <v>2984368.26</v>
      </c>
      <c r="E109" s="408">
        <v>17988215.629999999</v>
      </c>
      <c r="F109" s="406">
        <v>0.16639102128288449</v>
      </c>
      <c r="G109" s="408">
        <v>25824199.370000001</v>
      </c>
      <c r="H109" s="408">
        <v>4211834.49</v>
      </c>
      <c r="I109" s="408">
        <v>16841923.079999998</v>
      </c>
      <c r="J109" s="408">
        <v>0.20085310463497796</v>
      </c>
      <c r="K109" s="408">
        <v>26970491.920000002</v>
      </c>
      <c r="L109" s="407"/>
    </row>
    <row r="110" spans="1:13" ht="10.5" x14ac:dyDescent="0.2">
      <c r="A110" s="431" t="s">
        <v>697</v>
      </c>
      <c r="B110" s="408">
        <v>65739300</v>
      </c>
      <c r="C110" s="408">
        <v>65554200</v>
      </c>
      <c r="D110" s="408">
        <v>895513.98</v>
      </c>
      <c r="E110" s="408">
        <v>3316864.82</v>
      </c>
      <c r="F110" s="406">
        <v>3.0681004509232182E-2</v>
      </c>
      <c r="G110" s="408">
        <v>62237335.18</v>
      </c>
      <c r="H110" s="408">
        <v>496373.11</v>
      </c>
      <c r="I110" s="408">
        <v>1906847.73</v>
      </c>
      <c r="J110" s="408">
        <v>2.2740650507510819E-2</v>
      </c>
      <c r="K110" s="408">
        <v>63647352.270000003</v>
      </c>
      <c r="L110" s="407"/>
    </row>
    <row r="111" spans="1:13" ht="10.5" x14ac:dyDescent="0.2">
      <c r="A111" s="431" t="s">
        <v>698</v>
      </c>
      <c r="B111" s="408">
        <v>13213000</v>
      </c>
      <c r="C111" s="408">
        <v>13213000</v>
      </c>
      <c r="D111" s="408">
        <v>285164.21999999997</v>
      </c>
      <c r="E111" s="408">
        <v>1988235.59</v>
      </c>
      <c r="F111" s="406">
        <v>1.8391182159243354E-2</v>
      </c>
      <c r="G111" s="408">
        <v>11224764.41</v>
      </c>
      <c r="H111" s="408">
        <v>261843.37</v>
      </c>
      <c r="I111" s="408">
        <v>828985.5</v>
      </c>
      <c r="J111" s="408">
        <v>9.8863004290825618E-3</v>
      </c>
      <c r="K111" s="408">
        <v>12384014.5</v>
      </c>
      <c r="L111" s="407"/>
    </row>
    <row r="112" spans="1:13" ht="10.5" x14ac:dyDescent="0.2">
      <c r="A112" s="431" t="s">
        <v>700</v>
      </c>
      <c r="B112" s="408">
        <v>840000</v>
      </c>
      <c r="C112" s="408">
        <v>1030000</v>
      </c>
      <c r="D112" s="408">
        <v>84670.5</v>
      </c>
      <c r="E112" s="408">
        <v>470840.51</v>
      </c>
      <c r="F112" s="406">
        <v>4.3552754165119036E-3</v>
      </c>
      <c r="G112" s="408">
        <v>559159.49</v>
      </c>
      <c r="H112" s="408">
        <v>87269.19</v>
      </c>
      <c r="I112" s="408">
        <v>449666.35</v>
      </c>
      <c r="J112" s="408">
        <v>5.3626229034753796E-3</v>
      </c>
      <c r="K112" s="408">
        <v>580333.65</v>
      </c>
      <c r="L112" s="407"/>
    </row>
    <row r="113" spans="1:13" ht="10.5" x14ac:dyDescent="0.2">
      <c r="A113" s="431" t="s">
        <v>701</v>
      </c>
      <c r="B113" s="408">
        <v>2285700</v>
      </c>
      <c r="C113" s="408">
        <v>2465300</v>
      </c>
      <c r="D113" s="408">
        <v>12120</v>
      </c>
      <c r="E113" s="408">
        <v>12120</v>
      </c>
      <c r="F113" s="406">
        <v>1.1211001799340562E-4</v>
      </c>
      <c r="G113" s="408">
        <v>2453180</v>
      </c>
      <c r="H113" s="408">
        <v>12120</v>
      </c>
      <c r="I113" s="408">
        <v>12120</v>
      </c>
      <c r="J113" s="408">
        <v>1.4454047893537421E-4</v>
      </c>
      <c r="K113" s="408">
        <v>2453180</v>
      </c>
      <c r="L113" s="407"/>
    </row>
    <row r="114" spans="1:13" ht="10.5" x14ac:dyDescent="0.2">
      <c r="A114" s="431"/>
      <c r="B114" s="408"/>
      <c r="C114" s="406"/>
      <c r="D114" s="406"/>
      <c r="E114" s="406"/>
      <c r="F114" s="406"/>
      <c r="G114" s="406"/>
      <c r="H114" s="406"/>
      <c r="I114" s="406"/>
      <c r="J114" s="406"/>
      <c r="K114" s="406"/>
      <c r="L114" s="407"/>
    </row>
    <row r="115" spans="1:13" s="68" customFormat="1" ht="10.5" x14ac:dyDescent="0.2">
      <c r="A115" s="140" t="s">
        <v>702</v>
      </c>
      <c r="B115" s="406">
        <v>67988300</v>
      </c>
      <c r="C115" s="406">
        <v>52961900</v>
      </c>
      <c r="D115" s="406">
        <v>2358754.16</v>
      </c>
      <c r="E115" s="406">
        <v>6971020.6600000001</v>
      </c>
      <c r="F115" s="406">
        <v>6.4481951454208111E-2</v>
      </c>
      <c r="G115" s="406">
        <v>45990879.340000004</v>
      </c>
      <c r="H115" s="406">
        <v>1338265.8</v>
      </c>
      <c r="I115" s="406">
        <v>5165494.57</v>
      </c>
      <c r="J115" s="406">
        <v>6.1602562630847769E-2</v>
      </c>
      <c r="K115" s="406">
        <v>47796405.43</v>
      </c>
      <c r="L115" s="407"/>
      <c r="M115" s="153"/>
    </row>
    <row r="116" spans="1:13" ht="10.5" x14ac:dyDescent="0.2">
      <c r="A116" s="485" t="s">
        <v>703</v>
      </c>
      <c r="B116" s="408">
        <v>67264300</v>
      </c>
      <c r="C116" s="408">
        <v>52237900</v>
      </c>
      <c r="D116" s="408">
        <v>2358754.16</v>
      </c>
      <c r="E116" s="408">
        <v>6971020.6600000001</v>
      </c>
      <c r="F116" s="408">
        <v>6.4481951454208111E-2</v>
      </c>
      <c r="G116" s="408">
        <v>45266879.340000004</v>
      </c>
      <c r="H116" s="408">
        <v>1338265.8</v>
      </c>
      <c r="I116" s="408">
        <v>5165494.57</v>
      </c>
      <c r="J116" s="408">
        <v>6.1602562630847769E-2</v>
      </c>
      <c r="K116" s="408">
        <v>47072405.43</v>
      </c>
      <c r="L116" s="407"/>
    </row>
    <row r="117" spans="1:13" ht="10.5" x14ac:dyDescent="0.2">
      <c r="A117" s="431" t="s">
        <v>705</v>
      </c>
      <c r="B117" s="408">
        <v>724000</v>
      </c>
      <c r="C117" s="408">
        <v>724000</v>
      </c>
      <c r="D117" s="408">
        <v>0</v>
      </c>
      <c r="E117" s="408">
        <v>0</v>
      </c>
      <c r="F117" s="408">
        <v>0</v>
      </c>
      <c r="G117" s="408">
        <v>724000</v>
      </c>
      <c r="H117" s="408">
        <v>0</v>
      </c>
      <c r="I117" s="408">
        <v>0</v>
      </c>
      <c r="J117" s="408">
        <v>0</v>
      </c>
      <c r="K117" s="408">
        <v>724000</v>
      </c>
      <c r="L117" s="407"/>
    </row>
    <row r="118" spans="1:13" ht="10.5" x14ac:dyDescent="0.2">
      <c r="A118" s="431"/>
      <c r="B118" s="408"/>
      <c r="C118" s="406"/>
      <c r="D118" s="406"/>
      <c r="E118" s="406"/>
      <c r="F118" s="406"/>
      <c r="G118" s="408"/>
      <c r="H118" s="406"/>
      <c r="I118" s="406"/>
      <c r="J118" s="408"/>
      <c r="K118" s="408"/>
      <c r="L118" s="407"/>
    </row>
    <row r="119" spans="1:13" s="68" customFormat="1" ht="10.5" x14ac:dyDescent="0.2">
      <c r="A119" s="140" t="s">
        <v>706</v>
      </c>
      <c r="B119" s="406">
        <v>191777800</v>
      </c>
      <c r="C119" s="406">
        <v>181655500</v>
      </c>
      <c r="D119" s="406">
        <v>3751324.99</v>
      </c>
      <c r="E119" s="406">
        <v>100521805.31999999</v>
      </c>
      <c r="F119" s="406">
        <v>0.92982684844511665</v>
      </c>
      <c r="G119" s="406">
        <v>81133694.680000007</v>
      </c>
      <c r="H119" s="406">
        <v>19137461.699999999</v>
      </c>
      <c r="I119" s="406">
        <v>76641873.329999998</v>
      </c>
      <c r="J119" s="406">
        <v>0.91401428033188803</v>
      </c>
      <c r="K119" s="406">
        <v>105013626.67</v>
      </c>
      <c r="L119" s="407"/>
      <c r="M119" s="153"/>
    </row>
    <row r="120" spans="1:13" ht="10.5" x14ac:dyDescent="0.2">
      <c r="A120" s="431" t="s">
        <v>651</v>
      </c>
      <c r="B120" s="408">
        <v>106216600</v>
      </c>
      <c r="C120" s="408">
        <v>88559840</v>
      </c>
      <c r="D120" s="408">
        <v>1428297.53</v>
      </c>
      <c r="E120" s="408">
        <v>80646978.019999996</v>
      </c>
      <c r="F120" s="408">
        <v>0.7459846664138603</v>
      </c>
      <c r="G120" s="408">
        <v>7912861.9800000042</v>
      </c>
      <c r="H120" s="408">
        <v>15336561.77</v>
      </c>
      <c r="I120" s="408">
        <v>60804826.770000003</v>
      </c>
      <c r="J120" s="408">
        <v>0.72514511410216698</v>
      </c>
      <c r="K120" s="408">
        <v>27755013.229999997</v>
      </c>
      <c r="L120" s="407"/>
    </row>
    <row r="121" spans="1:13" ht="10.5" x14ac:dyDescent="0.2">
      <c r="A121" s="431" t="s">
        <v>654</v>
      </c>
      <c r="B121" s="408">
        <v>224000</v>
      </c>
      <c r="C121" s="408">
        <v>224000</v>
      </c>
      <c r="D121" s="408">
        <v>0</v>
      </c>
      <c r="E121" s="408">
        <v>0</v>
      </c>
      <c r="F121" s="408">
        <v>0</v>
      </c>
      <c r="G121" s="408">
        <v>224000</v>
      </c>
      <c r="H121" s="408">
        <v>0</v>
      </c>
      <c r="I121" s="408">
        <v>0</v>
      </c>
      <c r="J121" s="408">
        <v>0</v>
      </c>
      <c r="K121" s="408">
        <v>224000</v>
      </c>
      <c r="L121" s="407"/>
    </row>
    <row r="122" spans="1:13" ht="10.5" x14ac:dyDescent="0.2">
      <c r="A122" s="431" t="s">
        <v>698</v>
      </c>
      <c r="B122" s="408">
        <v>1962100</v>
      </c>
      <c r="C122" s="408">
        <v>262100</v>
      </c>
      <c r="D122" s="408">
        <v>0</v>
      </c>
      <c r="E122" s="408">
        <v>0</v>
      </c>
      <c r="F122" s="408">
        <v>0</v>
      </c>
      <c r="G122" s="408">
        <v>262100</v>
      </c>
      <c r="H122" s="408">
        <v>0</v>
      </c>
      <c r="I122" s="408">
        <v>0</v>
      </c>
      <c r="J122" s="408">
        <v>0</v>
      </c>
      <c r="K122" s="408">
        <v>262100</v>
      </c>
      <c r="L122" s="407"/>
    </row>
    <row r="123" spans="1:13" ht="10.5" x14ac:dyDescent="0.2">
      <c r="A123" s="431" t="s">
        <v>699</v>
      </c>
      <c r="B123" s="408">
        <v>1816300</v>
      </c>
      <c r="C123" s="408">
        <v>980800</v>
      </c>
      <c r="D123" s="408">
        <v>0</v>
      </c>
      <c r="E123" s="408">
        <v>0</v>
      </c>
      <c r="F123" s="408">
        <v>0</v>
      </c>
      <c r="G123" s="408">
        <v>980800</v>
      </c>
      <c r="H123" s="408">
        <v>0</v>
      </c>
      <c r="I123" s="408">
        <v>0</v>
      </c>
      <c r="J123" s="408">
        <v>0</v>
      </c>
      <c r="K123" s="408">
        <v>980800</v>
      </c>
      <c r="L123" s="407"/>
    </row>
    <row r="124" spans="1:13" ht="10.5" x14ac:dyDescent="0.2">
      <c r="A124" s="431" t="s">
        <v>704</v>
      </c>
      <c r="B124" s="408">
        <v>1018900</v>
      </c>
      <c r="C124" s="408">
        <v>1018900</v>
      </c>
      <c r="D124" s="408">
        <v>0</v>
      </c>
      <c r="E124" s="408">
        <v>0</v>
      </c>
      <c r="F124" s="408">
        <v>0</v>
      </c>
      <c r="G124" s="408">
        <v>1018900</v>
      </c>
      <c r="H124" s="408">
        <v>0</v>
      </c>
      <c r="I124" s="408">
        <v>0</v>
      </c>
      <c r="J124" s="408">
        <v>0</v>
      </c>
      <c r="K124" s="408">
        <v>1018900</v>
      </c>
      <c r="L124" s="407"/>
    </row>
    <row r="125" spans="1:13" ht="10.5" x14ac:dyDescent="0.2">
      <c r="A125" s="431" t="s">
        <v>705</v>
      </c>
      <c r="B125" s="408">
        <v>0</v>
      </c>
      <c r="C125" s="408">
        <v>1268800</v>
      </c>
      <c r="D125" s="408">
        <v>-14756.25</v>
      </c>
      <c r="E125" s="408">
        <v>520482.52</v>
      </c>
      <c r="F125" s="408">
        <v>4.8144640827106518E-3</v>
      </c>
      <c r="G125" s="408">
        <v>748317.48</v>
      </c>
      <c r="H125" s="408">
        <v>15346.78</v>
      </c>
      <c r="I125" s="408">
        <v>183214.37</v>
      </c>
      <c r="J125" s="408">
        <v>2.1849746524457802E-3</v>
      </c>
      <c r="K125" s="408">
        <v>1085585.6299999999</v>
      </c>
      <c r="L125" s="407"/>
    </row>
    <row r="126" spans="1:13" ht="10.5" x14ac:dyDescent="0.2">
      <c r="A126" s="431" t="s">
        <v>707</v>
      </c>
      <c r="B126" s="408">
        <v>33807500</v>
      </c>
      <c r="C126" s="408">
        <v>68979160</v>
      </c>
      <c r="D126" s="408">
        <v>1957783.71</v>
      </c>
      <c r="E126" s="408">
        <v>17565229.870000001</v>
      </c>
      <c r="F126" s="408">
        <v>0.16247840237491798</v>
      </c>
      <c r="G126" s="408">
        <v>51413930.129999995</v>
      </c>
      <c r="H126" s="408">
        <v>3406478.2</v>
      </c>
      <c r="I126" s="408">
        <v>14140197.33</v>
      </c>
      <c r="J126" s="408">
        <v>0.16863291207251649</v>
      </c>
      <c r="K126" s="408">
        <v>54838962.670000002</v>
      </c>
      <c r="L126" s="407"/>
    </row>
    <row r="127" spans="1:13" ht="10.5" x14ac:dyDescent="0.2">
      <c r="A127" s="431" t="s">
        <v>708</v>
      </c>
      <c r="B127" s="408">
        <v>1145400</v>
      </c>
      <c r="C127" s="408">
        <v>965800</v>
      </c>
      <c r="D127" s="408">
        <v>0</v>
      </c>
      <c r="E127" s="408">
        <v>0</v>
      </c>
      <c r="F127" s="408">
        <v>0</v>
      </c>
      <c r="G127" s="408">
        <v>965800</v>
      </c>
      <c r="H127" s="408">
        <v>0</v>
      </c>
      <c r="I127" s="408">
        <v>0</v>
      </c>
      <c r="J127" s="408">
        <v>0</v>
      </c>
      <c r="K127" s="408">
        <v>965800</v>
      </c>
      <c r="L127" s="407"/>
    </row>
    <row r="128" spans="1:13" ht="10.5" x14ac:dyDescent="0.2">
      <c r="A128" s="431" t="s">
        <v>757</v>
      </c>
      <c r="B128" s="408">
        <v>15960100</v>
      </c>
      <c r="C128" s="408">
        <v>19396100</v>
      </c>
      <c r="D128" s="408">
        <v>380000</v>
      </c>
      <c r="E128" s="408">
        <v>1789114.91</v>
      </c>
      <c r="F128" s="408">
        <v>1.6549315573627908E-2</v>
      </c>
      <c r="G128" s="408">
        <v>17606985.09</v>
      </c>
      <c r="H128" s="408">
        <v>379074.95</v>
      </c>
      <c r="I128" s="408">
        <v>1513634.86</v>
      </c>
      <c r="J128" s="408">
        <v>1.8051279504758919E-2</v>
      </c>
      <c r="K128" s="408">
        <v>17882465.140000001</v>
      </c>
      <c r="L128" s="407"/>
    </row>
    <row r="129" spans="1:13" ht="10.5" x14ac:dyDescent="0.2">
      <c r="A129" s="19" t="s">
        <v>758</v>
      </c>
      <c r="B129" s="408">
        <v>29626900</v>
      </c>
      <c r="C129" s="408">
        <v>0</v>
      </c>
      <c r="D129" s="408">
        <v>0</v>
      </c>
      <c r="E129" s="408">
        <v>0</v>
      </c>
      <c r="F129" s="408">
        <v>0</v>
      </c>
      <c r="G129" s="408">
        <v>0</v>
      </c>
      <c r="H129" s="408">
        <v>0</v>
      </c>
      <c r="I129" s="408">
        <v>0</v>
      </c>
      <c r="J129" s="408">
        <v>0</v>
      </c>
      <c r="K129" s="408">
        <v>0</v>
      </c>
      <c r="L129" s="407"/>
    </row>
    <row r="130" spans="1:13" ht="10.5" x14ac:dyDescent="0.2">
      <c r="A130" s="431"/>
      <c r="B130" s="408"/>
      <c r="C130" s="408"/>
      <c r="D130" s="408"/>
      <c r="E130" s="408"/>
      <c r="F130" s="408"/>
      <c r="G130" s="408"/>
      <c r="H130" s="408"/>
      <c r="I130" s="408"/>
      <c r="J130" s="406"/>
      <c r="K130" s="406"/>
      <c r="L130" s="407"/>
    </row>
    <row r="131" spans="1:13" s="68" customFormat="1" ht="10.5" x14ac:dyDescent="0.2">
      <c r="A131" s="140" t="s">
        <v>709</v>
      </c>
      <c r="B131" s="406">
        <v>4674800</v>
      </c>
      <c r="C131" s="406">
        <v>4785800</v>
      </c>
      <c r="D131" s="406">
        <v>27318.23</v>
      </c>
      <c r="E131" s="406">
        <v>2130565.9700000002</v>
      </c>
      <c r="F131" s="406">
        <v>1.9707738385547666E-2</v>
      </c>
      <c r="G131" s="406">
        <v>2655234.0299999998</v>
      </c>
      <c r="H131" s="406">
        <v>845012.42</v>
      </c>
      <c r="I131" s="406">
        <v>1863789.57</v>
      </c>
      <c r="J131" s="406">
        <v>2.2227148274138214E-2</v>
      </c>
      <c r="K131" s="406">
        <v>2922010.4299999997</v>
      </c>
      <c r="L131" s="407"/>
      <c r="M131" s="153"/>
    </row>
    <row r="132" spans="1:13" ht="10.5" x14ac:dyDescent="0.2">
      <c r="A132" s="431" t="s">
        <v>710</v>
      </c>
      <c r="B132" s="408">
        <v>4674800</v>
      </c>
      <c r="C132" s="408">
        <v>4785800</v>
      </c>
      <c r="D132" s="408">
        <v>27318.23</v>
      </c>
      <c r="E132" s="408">
        <v>2130565.9700000002</v>
      </c>
      <c r="F132" s="408">
        <v>1.9707738385547666E-2</v>
      </c>
      <c r="G132" s="408">
        <v>2655234.0299999998</v>
      </c>
      <c r="H132" s="408">
        <v>845012.42</v>
      </c>
      <c r="I132" s="408">
        <v>1863789.57</v>
      </c>
      <c r="J132" s="408">
        <v>2.2227148274138214E-2</v>
      </c>
      <c r="K132" s="408">
        <v>2922010.4299999997</v>
      </c>
      <c r="L132" s="407"/>
    </row>
    <row r="133" spans="1:13" ht="10.5" x14ac:dyDescent="0.2">
      <c r="A133" s="431"/>
      <c r="B133" s="408"/>
      <c r="C133" s="406"/>
      <c r="D133" s="406"/>
      <c r="E133" s="406"/>
      <c r="F133" s="406"/>
      <c r="G133" s="406"/>
      <c r="H133" s="406"/>
      <c r="I133" s="406"/>
      <c r="J133" s="406"/>
      <c r="K133" s="406"/>
      <c r="L133" s="407"/>
    </row>
    <row r="134" spans="1:13" s="68" customFormat="1" ht="10.5" x14ac:dyDescent="0.2">
      <c r="A134" s="140" t="s">
        <v>711</v>
      </c>
      <c r="B134" s="406">
        <v>21507400</v>
      </c>
      <c r="C134" s="406">
        <v>21507400</v>
      </c>
      <c r="D134" s="406">
        <v>900000</v>
      </c>
      <c r="E134" s="406">
        <v>907760.02</v>
      </c>
      <c r="F134" s="406">
        <v>8.3967815326645417E-3</v>
      </c>
      <c r="G134" s="406">
        <v>20599639.98</v>
      </c>
      <c r="H134" s="406">
        <v>900000</v>
      </c>
      <c r="I134" s="406">
        <v>907759.02</v>
      </c>
      <c r="J134" s="406">
        <v>1.082573626309455E-2</v>
      </c>
      <c r="K134" s="406">
        <v>20599640.98</v>
      </c>
      <c r="L134" s="407"/>
      <c r="M134" s="153"/>
    </row>
    <row r="135" spans="1:13" ht="10.5" x14ac:dyDescent="0.2">
      <c r="A135" s="431" t="s">
        <v>712</v>
      </c>
      <c r="B135" s="408">
        <v>21507400</v>
      </c>
      <c r="C135" s="408">
        <v>21507400</v>
      </c>
      <c r="D135" s="408">
        <v>900000</v>
      </c>
      <c r="E135" s="408">
        <v>907760.02</v>
      </c>
      <c r="F135" s="408">
        <v>8.3967815326645417E-3</v>
      </c>
      <c r="G135" s="408">
        <v>20599639.98</v>
      </c>
      <c r="H135" s="408">
        <v>900000</v>
      </c>
      <c r="I135" s="408">
        <v>907759.02</v>
      </c>
      <c r="J135" s="408">
        <v>1.082573626309455E-2</v>
      </c>
      <c r="K135" s="408">
        <v>20599640.98</v>
      </c>
      <c r="L135" s="409"/>
    </row>
    <row r="136" spans="1:13" ht="10.5" x14ac:dyDescent="0.2">
      <c r="A136" s="431"/>
      <c r="B136" s="408"/>
      <c r="C136" s="406"/>
      <c r="D136" s="406"/>
      <c r="E136" s="406"/>
      <c r="F136" s="406"/>
      <c r="G136" s="406"/>
      <c r="H136" s="406"/>
      <c r="I136" s="406"/>
      <c r="J136" s="408"/>
      <c r="K136" s="408"/>
      <c r="L136" s="407"/>
    </row>
    <row r="137" spans="1:13" s="68" customFormat="1" ht="10.5" x14ac:dyDescent="0.2">
      <c r="A137" s="140" t="s">
        <v>714</v>
      </c>
      <c r="B137" s="406">
        <v>38954900</v>
      </c>
      <c r="C137" s="406">
        <v>35858153.399999999</v>
      </c>
      <c r="D137" s="406">
        <v>1728810.61</v>
      </c>
      <c r="E137" s="406">
        <v>20309745.809999999</v>
      </c>
      <c r="F137" s="406">
        <v>0.18786517889443846</v>
      </c>
      <c r="G137" s="406">
        <v>15548407.59</v>
      </c>
      <c r="H137" s="406">
        <v>3265520.8</v>
      </c>
      <c r="I137" s="406">
        <v>13770943.130000001</v>
      </c>
      <c r="J137" s="406">
        <v>0.16422926694735987</v>
      </c>
      <c r="K137" s="406">
        <v>22087210.27</v>
      </c>
      <c r="L137" s="407"/>
      <c r="M137" s="153"/>
    </row>
    <row r="138" spans="1:13" ht="10.5" x14ac:dyDescent="0.2">
      <c r="A138" s="431" t="s">
        <v>859</v>
      </c>
      <c r="B138" s="408">
        <v>151600</v>
      </c>
      <c r="C138" s="408">
        <v>151600</v>
      </c>
      <c r="D138" s="408">
        <v>0</v>
      </c>
      <c r="E138" s="408">
        <v>0</v>
      </c>
      <c r="F138" s="408">
        <v>0</v>
      </c>
      <c r="G138" s="408">
        <v>151600</v>
      </c>
      <c r="H138" s="408">
        <v>0</v>
      </c>
      <c r="I138" s="408">
        <v>0</v>
      </c>
      <c r="J138" s="408">
        <v>0</v>
      </c>
      <c r="K138" s="408">
        <v>151600</v>
      </c>
      <c r="L138" s="407"/>
    </row>
    <row r="139" spans="1:13" ht="10.5" x14ac:dyDescent="0.2">
      <c r="A139" s="214" t="s">
        <v>759</v>
      </c>
      <c r="B139" s="408">
        <v>18149000</v>
      </c>
      <c r="C139" s="408">
        <v>17889000</v>
      </c>
      <c r="D139" s="408">
        <v>552514.68000000005</v>
      </c>
      <c r="E139" s="408">
        <v>10835510.98</v>
      </c>
      <c r="F139" s="408">
        <v>0.10022849265144754</v>
      </c>
      <c r="G139" s="408">
        <v>7053489.0199999996</v>
      </c>
      <c r="H139" s="408">
        <v>1805706.82</v>
      </c>
      <c r="I139" s="408">
        <v>7796340.6200000001</v>
      </c>
      <c r="J139" s="408">
        <v>9.2977459336477913E-2</v>
      </c>
      <c r="K139" s="408">
        <v>10092659.379999999</v>
      </c>
      <c r="L139" s="407"/>
    </row>
    <row r="140" spans="1:13" ht="10.5" x14ac:dyDescent="0.2">
      <c r="A140" s="431" t="s">
        <v>715</v>
      </c>
      <c r="B140" s="408">
        <v>8583400</v>
      </c>
      <c r="C140" s="408">
        <v>8679023.4000000004</v>
      </c>
      <c r="D140" s="408">
        <v>880062.39</v>
      </c>
      <c r="E140" s="408">
        <v>7002704.1799999997</v>
      </c>
      <c r="F140" s="408">
        <v>6.4775024061245592E-2</v>
      </c>
      <c r="G140" s="408">
        <v>1676319.2200000007</v>
      </c>
      <c r="H140" s="408">
        <v>997428.22</v>
      </c>
      <c r="I140" s="408">
        <v>4291922.03</v>
      </c>
      <c r="J140" s="408">
        <v>5.1184526878670256E-2</v>
      </c>
      <c r="K140" s="408">
        <v>4387101.37</v>
      </c>
      <c r="L140" s="407"/>
    </row>
    <row r="141" spans="1:13" ht="10.5" x14ac:dyDescent="0.2">
      <c r="A141" s="431" t="s">
        <v>716</v>
      </c>
      <c r="B141" s="408">
        <v>12070900</v>
      </c>
      <c r="C141" s="408">
        <v>9138530</v>
      </c>
      <c r="D141" s="408">
        <v>296233.53999999998</v>
      </c>
      <c r="E141" s="408">
        <v>2471530.65</v>
      </c>
      <c r="F141" s="408">
        <v>2.2861662181745335E-2</v>
      </c>
      <c r="G141" s="408">
        <v>6666999.3499999996</v>
      </c>
      <c r="H141" s="408">
        <v>462385.76</v>
      </c>
      <c r="I141" s="408">
        <v>1682680.48</v>
      </c>
      <c r="J141" s="408">
        <v>2.0067280732211666E-2</v>
      </c>
      <c r="K141" s="408">
        <v>7455849.5199999996</v>
      </c>
      <c r="L141" s="407"/>
    </row>
    <row r="142" spans="1:13" ht="10.5" x14ac:dyDescent="0.2">
      <c r="A142" s="431"/>
      <c r="B142" s="408"/>
      <c r="C142" s="408"/>
      <c r="D142" s="408"/>
      <c r="E142" s="408"/>
      <c r="F142" s="408"/>
      <c r="G142" s="408"/>
      <c r="H142" s="408"/>
      <c r="I142" s="408"/>
      <c r="J142" s="408"/>
      <c r="K142" s="408"/>
      <c r="L142" s="407"/>
    </row>
    <row r="143" spans="1:13" s="68" customFormat="1" ht="10.5" x14ac:dyDescent="0.2">
      <c r="A143" s="140" t="s">
        <v>717</v>
      </c>
      <c r="B143" s="406">
        <v>42633100</v>
      </c>
      <c r="C143" s="406">
        <v>61433100</v>
      </c>
      <c r="D143" s="406">
        <v>6924243.21</v>
      </c>
      <c r="E143" s="406">
        <v>22554720.550000001</v>
      </c>
      <c r="F143" s="406">
        <v>0.20863119857233792</v>
      </c>
      <c r="G143" s="406">
        <v>38878379.450000003</v>
      </c>
      <c r="H143" s="406">
        <v>6559481.2000000002</v>
      </c>
      <c r="I143" s="406">
        <v>17545268.390000001</v>
      </c>
      <c r="J143" s="406">
        <v>0.20924104753632689</v>
      </c>
      <c r="K143" s="406">
        <v>43887831.610000007</v>
      </c>
      <c r="L143" s="407"/>
      <c r="M143" s="153"/>
    </row>
    <row r="144" spans="1:13" s="273" customFormat="1" ht="10.5" x14ac:dyDescent="0.2">
      <c r="A144" s="431" t="s">
        <v>657</v>
      </c>
      <c r="B144" s="408">
        <v>39113000</v>
      </c>
      <c r="C144" s="408">
        <v>57913000</v>
      </c>
      <c r="D144" s="408">
        <v>6690529.8099999996</v>
      </c>
      <c r="E144" s="408">
        <v>21588985.300000001</v>
      </c>
      <c r="F144" s="408">
        <v>0.19969814607610309</v>
      </c>
      <c r="G144" s="408">
        <v>36324014.700000003</v>
      </c>
      <c r="H144" s="408">
        <v>6336413.75</v>
      </c>
      <c r="I144" s="408">
        <v>16607226.77</v>
      </c>
      <c r="J144" s="408">
        <v>0.19805416758450228</v>
      </c>
      <c r="K144" s="408">
        <v>41305773.230000004</v>
      </c>
      <c r="L144" s="409"/>
      <c r="M144" s="214"/>
    </row>
    <row r="145" spans="1:13" s="273" customFormat="1" ht="10.5" x14ac:dyDescent="0.2">
      <c r="A145" s="431" t="s">
        <v>759</v>
      </c>
      <c r="B145" s="408">
        <v>3520100</v>
      </c>
      <c r="C145" s="408">
        <v>3520100.0000000014</v>
      </c>
      <c r="D145" s="408">
        <v>233713.4</v>
      </c>
      <c r="E145" s="408">
        <v>965735.25</v>
      </c>
      <c r="F145" s="408">
        <v>8.9330524962348244E-3</v>
      </c>
      <c r="G145" s="408">
        <v>2554364.7500000014</v>
      </c>
      <c r="H145" s="408">
        <v>223067.45</v>
      </c>
      <c r="I145" s="408">
        <v>938041.62</v>
      </c>
      <c r="J145" s="408">
        <v>1.1186879951824612E-2</v>
      </c>
      <c r="K145" s="408">
        <v>2582058.3800000013</v>
      </c>
      <c r="L145" s="409"/>
      <c r="M145" s="214"/>
    </row>
    <row r="146" spans="1:13" s="273" customFormat="1" ht="10.5" x14ac:dyDescent="0.2">
      <c r="A146" s="431"/>
      <c r="B146" s="408"/>
      <c r="C146" s="408"/>
      <c r="D146" s="408"/>
      <c r="E146" s="408"/>
      <c r="F146" s="408"/>
      <c r="G146" s="408"/>
      <c r="H146" s="408"/>
      <c r="I146" s="408"/>
      <c r="J146" s="408"/>
      <c r="K146" s="408"/>
      <c r="L146" s="409"/>
      <c r="M146" s="214"/>
    </row>
    <row r="147" spans="1:13" s="68" customFormat="1" ht="10.5" x14ac:dyDescent="0.2">
      <c r="A147" s="140" t="s">
        <v>718</v>
      </c>
      <c r="B147" s="406">
        <v>36724000</v>
      </c>
      <c r="C147" s="406">
        <v>31241915</v>
      </c>
      <c r="D147" s="406">
        <v>0</v>
      </c>
      <c r="E147" s="406">
        <v>0</v>
      </c>
      <c r="F147" s="406">
        <v>0</v>
      </c>
      <c r="G147" s="406">
        <v>31241915</v>
      </c>
      <c r="H147" s="406">
        <v>0</v>
      </c>
      <c r="I147" s="406">
        <v>0</v>
      </c>
      <c r="J147" s="406">
        <v>0</v>
      </c>
      <c r="K147" s="406">
        <v>31241915</v>
      </c>
      <c r="L147" s="407"/>
      <c r="M147" s="153"/>
    </row>
    <row r="148" spans="1:13" ht="10.5" x14ac:dyDescent="0.2">
      <c r="A148" s="431" t="s">
        <v>704</v>
      </c>
      <c r="B148" s="408">
        <v>2624000</v>
      </c>
      <c r="C148" s="408">
        <v>2624000</v>
      </c>
      <c r="D148" s="408">
        <v>0</v>
      </c>
      <c r="E148" s="408">
        <v>0</v>
      </c>
      <c r="F148" s="408">
        <v>0</v>
      </c>
      <c r="G148" s="408">
        <v>2624000</v>
      </c>
      <c r="H148" s="408">
        <v>0</v>
      </c>
      <c r="I148" s="408">
        <v>0</v>
      </c>
      <c r="J148" s="408">
        <v>0</v>
      </c>
      <c r="K148" s="408">
        <v>2624000</v>
      </c>
      <c r="L148" s="407"/>
    </row>
    <row r="149" spans="1:13" ht="10.5" x14ac:dyDescent="0.2">
      <c r="A149" s="431" t="s">
        <v>719</v>
      </c>
      <c r="B149" s="408">
        <v>34100000</v>
      </c>
      <c r="C149" s="408">
        <v>28617915</v>
      </c>
      <c r="D149" s="408">
        <v>0</v>
      </c>
      <c r="E149" s="408">
        <v>0</v>
      </c>
      <c r="F149" s="408">
        <v>0</v>
      </c>
      <c r="G149" s="408">
        <v>28617915</v>
      </c>
      <c r="H149" s="408">
        <v>0</v>
      </c>
      <c r="I149" s="408">
        <v>0</v>
      </c>
      <c r="J149" s="408">
        <v>0</v>
      </c>
      <c r="K149" s="408">
        <v>28617915</v>
      </c>
      <c r="L149" s="407"/>
    </row>
    <row r="150" spans="1:13" ht="10.5" x14ac:dyDescent="0.2">
      <c r="A150" s="431"/>
      <c r="B150" s="408"/>
      <c r="C150" s="408"/>
      <c r="D150" s="408"/>
      <c r="E150" s="408"/>
      <c r="F150" s="408"/>
      <c r="G150" s="408"/>
      <c r="H150" s="408"/>
      <c r="I150" s="408"/>
      <c r="J150" s="406"/>
      <c r="K150" s="406"/>
      <c r="L150" s="407"/>
    </row>
    <row r="151" spans="1:13" s="68" customFormat="1" ht="10.5" x14ac:dyDescent="0.2">
      <c r="A151" s="140" t="s">
        <v>720</v>
      </c>
      <c r="B151" s="406">
        <v>624942200</v>
      </c>
      <c r="C151" s="406">
        <v>603782300</v>
      </c>
      <c r="D151" s="406">
        <v>171214067.13000003</v>
      </c>
      <c r="E151" s="406">
        <v>447692347.34000003</v>
      </c>
      <c r="F151" s="406">
        <v>4.1411548775410392</v>
      </c>
      <c r="G151" s="406">
        <v>156089952.65999997</v>
      </c>
      <c r="H151" s="406">
        <v>59294799.530000001</v>
      </c>
      <c r="I151" s="406">
        <v>230978233.87</v>
      </c>
      <c r="J151" s="406">
        <v>2.7545960847538509</v>
      </c>
      <c r="K151" s="406">
        <v>372804066.13</v>
      </c>
      <c r="L151" s="407"/>
      <c r="M151" s="153"/>
    </row>
    <row r="152" spans="1:13" ht="10.5" x14ac:dyDescent="0.2">
      <c r="A152" s="19" t="s">
        <v>651</v>
      </c>
      <c r="B152" s="408">
        <v>57620000</v>
      </c>
      <c r="C152" s="408">
        <v>78462500</v>
      </c>
      <c r="D152" s="408">
        <v>1148294.08</v>
      </c>
      <c r="E152" s="408">
        <v>63858156.539999999</v>
      </c>
      <c r="F152" s="408">
        <v>0.5906880427991017</v>
      </c>
      <c r="G152" s="408">
        <v>14604343.460000001</v>
      </c>
      <c r="H152" s="408">
        <v>10038625.779999999</v>
      </c>
      <c r="I152" s="408">
        <v>39069417</v>
      </c>
      <c r="J152" s="408">
        <v>0.46593335354008675</v>
      </c>
      <c r="K152" s="408">
        <v>39393083</v>
      </c>
      <c r="L152" s="407"/>
    </row>
    <row r="153" spans="1:13" ht="10.5" x14ac:dyDescent="0.2">
      <c r="A153" s="431" t="s">
        <v>721</v>
      </c>
      <c r="B153" s="408">
        <v>9000000</v>
      </c>
      <c r="C153" s="408">
        <v>114000.00000000023</v>
      </c>
      <c r="D153" s="408">
        <v>0</v>
      </c>
      <c r="E153" s="408">
        <v>42056.26</v>
      </c>
      <c r="F153" s="408">
        <v>3.8902046743690967E-4</v>
      </c>
      <c r="G153" s="408">
        <v>71943.740000000224</v>
      </c>
      <c r="H153" s="408">
        <v>0</v>
      </c>
      <c r="I153" s="408">
        <v>42056.26</v>
      </c>
      <c r="J153" s="408">
        <v>5.0155379229625591E-4</v>
      </c>
      <c r="K153" s="408">
        <v>71943.740000000224</v>
      </c>
      <c r="L153" s="407"/>
    </row>
    <row r="154" spans="1:13" ht="10.5" x14ac:dyDescent="0.2">
      <c r="A154" s="431" t="s">
        <v>722</v>
      </c>
      <c r="B154" s="408">
        <v>540022200</v>
      </c>
      <c r="C154" s="408">
        <v>510585800</v>
      </c>
      <c r="D154" s="408">
        <v>170065773.05000001</v>
      </c>
      <c r="E154" s="408">
        <v>383650842.54000002</v>
      </c>
      <c r="F154" s="408">
        <v>3.5487708630647381</v>
      </c>
      <c r="G154" s="408">
        <v>126934957.45999998</v>
      </c>
      <c r="H154" s="408">
        <v>49256173.75</v>
      </c>
      <c r="I154" s="408">
        <v>191725468.61000001</v>
      </c>
      <c r="J154" s="408">
        <v>2.2864761598183545</v>
      </c>
      <c r="K154" s="408">
        <v>318860331.38999999</v>
      </c>
      <c r="L154" s="407"/>
    </row>
    <row r="155" spans="1:13" ht="10.5" x14ac:dyDescent="0.2">
      <c r="A155" s="431" t="s">
        <v>723</v>
      </c>
      <c r="B155" s="408">
        <v>14300000</v>
      </c>
      <c r="C155" s="408">
        <v>14120000</v>
      </c>
      <c r="D155" s="408">
        <v>0</v>
      </c>
      <c r="E155" s="408">
        <v>141292</v>
      </c>
      <c r="F155" s="408">
        <v>1.3069512097627282E-3</v>
      </c>
      <c r="G155" s="408">
        <v>13978708</v>
      </c>
      <c r="H155" s="408">
        <v>0</v>
      </c>
      <c r="I155" s="408">
        <v>141292</v>
      </c>
      <c r="J155" s="408">
        <v>1.6850176031136051E-3</v>
      </c>
      <c r="K155" s="408">
        <v>13978708</v>
      </c>
      <c r="L155" s="407"/>
    </row>
    <row r="156" spans="1:13" ht="10.5" x14ac:dyDescent="0.2">
      <c r="A156" s="431" t="s">
        <v>724</v>
      </c>
      <c r="B156" s="408">
        <v>4000000</v>
      </c>
      <c r="C156" s="408">
        <v>500000</v>
      </c>
      <c r="D156" s="408">
        <v>0</v>
      </c>
      <c r="E156" s="408">
        <v>0</v>
      </c>
      <c r="F156" s="408">
        <v>0</v>
      </c>
      <c r="G156" s="408">
        <v>500000</v>
      </c>
      <c r="H156" s="408">
        <v>0</v>
      </c>
      <c r="I156" s="408">
        <v>0</v>
      </c>
      <c r="J156" s="408">
        <v>0</v>
      </c>
      <c r="K156" s="408">
        <v>500000</v>
      </c>
      <c r="L156" s="407"/>
    </row>
    <row r="157" spans="1:13" s="184" customFormat="1" ht="10.5" x14ac:dyDescent="0.2">
      <c r="A157" s="431"/>
      <c r="B157" s="408"/>
      <c r="C157" s="406"/>
      <c r="D157" s="406"/>
      <c r="E157" s="406"/>
      <c r="F157" s="406"/>
      <c r="G157" s="408"/>
      <c r="H157" s="406"/>
      <c r="I157" s="406"/>
      <c r="J157" s="408"/>
      <c r="K157" s="406"/>
      <c r="L157" s="407"/>
      <c r="M157" s="214"/>
    </row>
    <row r="158" spans="1:13" s="68" customFormat="1" ht="10.5" x14ac:dyDescent="0.2">
      <c r="A158" s="140" t="s">
        <v>725</v>
      </c>
      <c r="B158" s="406">
        <v>21680800</v>
      </c>
      <c r="C158" s="406">
        <v>21596800</v>
      </c>
      <c r="D158" s="406">
        <v>1898651.0899999999</v>
      </c>
      <c r="E158" s="406">
        <v>6229247.8000000007</v>
      </c>
      <c r="F158" s="406">
        <v>5.7620551397968844E-2</v>
      </c>
      <c r="G158" s="406">
        <v>15367552.199999997</v>
      </c>
      <c r="H158" s="406">
        <v>1760828.2199999997</v>
      </c>
      <c r="I158" s="406">
        <v>5047327.6500000004</v>
      </c>
      <c r="J158" s="406">
        <v>6.0193329692636709E-2</v>
      </c>
      <c r="K158" s="406">
        <v>16549472.349999998</v>
      </c>
      <c r="L158" s="407"/>
      <c r="M158" s="153"/>
    </row>
    <row r="159" spans="1:13" ht="10.5" x14ac:dyDescent="0.2">
      <c r="A159" s="431" t="s">
        <v>726</v>
      </c>
      <c r="B159" s="408">
        <v>12685000</v>
      </c>
      <c r="C159" s="408">
        <v>12685000</v>
      </c>
      <c r="D159" s="408">
        <v>764883.92</v>
      </c>
      <c r="E159" s="408">
        <v>2682043.7200000002</v>
      </c>
      <c r="F159" s="408">
        <v>2.4808908391773972E-2</v>
      </c>
      <c r="G159" s="408">
        <v>10002956.279999999</v>
      </c>
      <c r="H159" s="408">
        <v>678260.58</v>
      </c>
      <c r="I159" s="408">
        <v>2405119.35</v>
      </c>
      <c r="J159" s="408">
        <v>2.8682929269450159E-2</v>
      </c>
      <c r="K159" s="408">
        <v>10279880.65</v>
      </c>
      <c r="L159" s="407"/>
    </row>
    <row r="160" spans="1:13" ht="10.5" x14ac:dyDescent="0.2">
      <c r="A160" s="431" t="s">
        <v>727</v>
      </c>
      <c r="B160" s="408">
        <v>8995800</v>
      </c>
      <c r="C160" s="408">
        <v>8911799.9999999981</v>
      </c>
      <c r="D160" s="408">
        <v>1133767.17</v>
      </c>
      <c r="E160" s="408">
        <v>3547204.08</v>
      </c>
      <c r="F160" s="408">
        <v>3.2811643006194872E-2</v>
      </c>
      <c r="G160" s="408">
        <v>5364595.9199999981</v>
      </c>
      <c r="H160" s="408">
        <v>1082567.6399999999</v>
      </c>
      <c r="I160" s="408">
        <v>2642208.2999999998</v>
      </c>
      <c r="J160" s="408">
        <v>3.1510400423186542E-2</v>
      </c>
      <c r="K160" s="408">
        <v>6269591.6999999983</v>
      </c>
      <c r="L160" s="407"/>
    </row>
    <row r="161" spans="1:13" ht="10.5" x14ac:dyDescent="0.2">
      <c r="A161" s="431"/>
      <c r="B161" s="408"/>
      <c r="C161" s="406"/>
      <c r="D161" s="406"/>
      <c r="E161" s="406"/>
      <c r="F161" s="406"/>
      <c r="G161" s="408"/>
      <c r="H161" s="406"/>
      <c r="I161" s="406"/>
      <c r="J161" s="406"/>
      <c r="K161" s="406"/>
      <c r="L161" s="407"/>
    </row>
    <row r="162" spans="1:13" s="68" customFormat="1" ht="10.5" x14ac:dyDescent="0.2">
      <c r="A162" s="140" t="s">
        <v>728</v>
      </c>
      <c r="B162" s="406">
        <v>3188200900</v>
      </c>
      <c r="C162" s="406">
        <v>3098504000</v>
      </c>
      <c r="D162" s="406">
        <v>21586706.100000001</v>
      </c>
      <c r="E162" s="406">
        <v>3019979025.2800002</v>
      </c>
      <c r="F162" s="406">
        <v>27.934810467314218</v>
      </c>
      <c r="G162" s="406">
        <v>78524974.719999999</v>
      </c>
      <c r="H162" s="406">
        <v>537171135.86000001</v>
      </c>
      <c r="I162" s="406">
        <v>2176949390.46</v>
      </c>
      <c r="J162" s="406">
        <v>25.961824052405891</v>
      </c>
      <c r="K162" s="406">
        <v>921554609.53999984</v>
      </c>
      <c r="L162" s="407"/>
      <c r="M162" s="153"/>
    </row>
    <row r="163" spans="1:13" s="336" customFormat="1" ht="10.5" x14ac:dyDescent="0.2">
      <c r="A163" s="335" t="s">
        <v>809</v>
      </c>
      <c r="B163" s="569">
        <v>902294300</v>
      </c>
      <c r="C163" s="408">
        <v>796730000</v>
      </c>
      <c r="D163" s="408">
        <v>0</v>
      </c>
      <c r="E163" s="408">
        <v>792788700</v>
      </c>
      <c r="F163" s="408">
        <v>7.3332966519776113</v>
      </c>
      <c r="G163" s="408">
        <v>3941300</v>
      </c>
      <c r="H163" s="408">
        <v>166613736.38</v>
      </c>
      <c r="I163" s="408">
        <v>579615355.35000002</v>
      </c>
      <c r="J163" s="408">
        <v>6.9123664241407683</v>
      </c>
      <c r="K163" s="408">
        <v>217114644.64999998</v>
      </c>
      <c r="L163" s="407"/>
      <c r="M163" s="389"/>
    </row>
    <row r="164" spans="1:13" ht="10.5" x14ac:dyDescent="0.2">
      <c r="A164" s="431" t="s">
        <v>729</v>
      </c>
      <c r="B164" s="408">
        <v>110205800</v>
      </c>
      <c r="C164" s="408">
        <v>112084800</v>
      </c>
      <c r="D164" s="408">
        <v>458693.98</v>
      </c>
      <c r="E164" s="408">
        <v>110680209.65000001</v>
      </c>
      <c r="F164" s="408">
        <v>1.0237921035788289</v>
      </c>
      <c r="G164" s="408">
        <v>1404590.349999994</v>
      </c>
      <c r="H164" s="408">
        <v>12730221</v>
      </c>
      <c r="I164" s="408">
        <v>73508681.790000007</v>
      </c>
      <c r="J164" s="408">
        <v>0.87664852077843414</v>
      </c>
      <c r="K164" s="408">
        <v>38576118.209999993</v>
      </c>
      <c r="L164" s="407"/>
    </row>
    <row r="165" spans="1:13" ht="10.5" x14ac:dyDescent="0.2">
      <c r="A165" s="431" t="s">
        <v>730</v>
      </c>
      <c r="B165" s="408">
        <v>25403600</v>
      </c>
      <c r="C165" s="408">
        <v>25122600</v>
      </c>
      <c r="D165" s="408">
        <v>0</v>
      </c>
      <c r="E165" s="408">
        <v>20518000</v>
      </c>
      <c r="F165" s="408">
        <v>0.18979153046111355</v>
      </c>
      <c r="G165" s="408">
        <v>4604600</v>
      </c>
      <c r="H165" s="408">
        <v>0</v>
      </c>
      <c r="I165" s="408">
        <v>11860167.459999999</v>
      </c>
      <c r="J165" s="408">
        <v>0.14144177268334493</v>
      </c>
      <c r="K165" s="408">
        <v>13262432.540000001</v>
      </c>
      <c r="L165" s="407"/>
    </row>
    <row r="166" spans="1:13" ht="10.5" x14ac:dyDescent="0.2">
      <c r="A166" s="431" t="s">
        <v>760</v>
      </c>
      <c r="B166" s="408">
        <v>1939605500</v>
      </c>
      <c r="C166" s="408">
        <v>1939582500</v>
      </c>
      <c r="D166" s="408">
        <v>0</v>
      </c>
      <c r="E166" s="408">
        <v>1931993200</v>
      </c>
      <c r="F166" s="408">
        <v>17.870939968245651</v>
      </c>
      <c r="G166" s="408">
        <v>7589300</v>
      </c>
      <c r="H166" s="408">
        <v>325452604.05000001</v>
      </c>
      <c r="I166" s="408">
        <v>1366511526.1300001</v>
      </c>
      <c r="J166" s="408">
        <v>16.296718684615456</v>
      </c>
      <c r="K166" s="408">
        <v>573070973.86999989</v>
      </c>
      <c r="L166" s="407"/>
    </row>
    <row r="167" spans="1:13" ht="10.5" x14ac:dyDescent="0.2">
      <c r="A167" s="431" t="s">
        <v>731</v>
      </c>
      <c r="B167" s="408">
        <v>210691700</v>
      </c>
      <c r="C167" s="408">
        <v>224984100</v>
      </c>
      <c r="D167" s="408">
        <v>21128012.120000001</v>
      </c>
      <c r="E167" s="408">
        <v>163998915.63</v>
      </c>
      <c r="F167" s="408">
        <v>1.5169902130510156</v>
      </c>
      <c r="G167" s="408">
        <v>60985184.370000005</v>
      </c>
      <c r="H167" s="408">
        <v>32374574.43</v>
      </c>
      <c r="I167" s="408">
        <v>145453659.72999999</v>
      </c>
      <c r="J167" s="408">
        <v>1.7346486501878839</v>
      </c>
      <c r="K167" s="408">
        <v>79530440.270000011</v>
      </c>
      <c r="L167" s="407"/>
    </row>
    <row r="168" spans="1:13" ht="10.5" customHeight="1" x14ac:dyDescent="0.2">
      <c r="A168" s="431"/>
      <c r="B168" s="408"/>
      <c r="C168" s="406"/>
      <c r="D168" s="406"/>
      <c r="E168" s="406"/>
      <c r="F168" s="406"/>
      <c r="G168" s="406"/>
      <c r="H168" s="406"/>
      <c r="I168" s="406"/>
      <c r="J168" s="406"/>
      <c r="K168" s="406"/>
      <c r="L168" s="407"/>
    </row>
    <row r="169" spans="1:13" s="68" customFormat="1" ht="10.5" customHeight="1" x14ac:dyDescent="0.2">
      <c r="A169" s="141" t="s">
        <v>732</v>
      </c>
      <c r="B169" s="406">
        <v>116875200</v>
      </c>
      <c r="C169" s="406">
        <v>37159959</v>
      </c>
      <c r="D169" s="406">
        <v>0</v>
      </c>
      <c r="E169" s="406">
        <v>0</v>
      </c>
      <c r="F169" s="406">
        <v>0</v>
      </c>
      <c r="G169" s="406">
        <v>37159959</v>
      </c>
      <c r="H169" s="406">
        <v>0</v>
      </c>
      <c r="I169" s="406">
        <v>0</v>
      </c>
      <c r="J169" s="406">
        <v>0</v>
      </c>
      <c r="K169" s="406">
        <v>37159959</v>
      </c>
      <c r="L169" s="407"/>
      <c r="M169" s="153"/>
    </row>
    <row r="170" spans="1:13" ht="10.5" x14ac:dyDescent="0.2">
      <c r="A170" s="19" t="s">
        <v>734</v>
      </c>
      <c r="B170" s="408">
        <v>28960200</v>
      </c>
      <c r="C170" s="408">
        <v>0</v>
      </c>
      <c r="D170" s="408">
        <v>0</v>
      </c>
      <c r="E170" s="408">
        <v>0</v>
      </c>
      <c r="F170" s="406">
        <v>0</v>
      </c>
      <c r="G170" s="408">
        <v>0</v>
      </c>
      <c r="H170" s="408">
        <v>0</v>
      </c>
      <c r="I170" s="408">
        <v>0</v>
      </c>
      <c r="J170" s="408">
        <v>0</v>
      </c>
      <c r="K170" s="408">
        <v>0</v>
      </c>
      <c r="L170" s="407"/>
    </row>
    <row r="171" spans="1:13" ht="11.25" customHeight="1" x14ac:dyDescent="0.2">
      <c r="A171" s="19" t="s">
        <v>733</v>
      </c>
      <c r="B171" s="408">
        <v>87915000</v>
      </c>
      <c r="C171" s="408">
        <v>37159959</v>
      </c>
      <c r="D171" s="408">
        <v>0</v>
      </c>
      <c r="E171" s="408">
        <v>0</v>
      </c>
      <c r="F171" s="406">
        <v>0</v>
      </c>
      <c r="G171" s="408">
        <v>37159959</v>
      </c>
      <c r="H171" s="408">
        <v>0</v>
      </c>
      <c r="I171" s="408">
        <v>0</v>
      </c>
      <c r="J171" s="408">
        <v>0</v>
      </c>
      <c r="K171" s="408">
        <v>37159959</v>
      </c>
      <c r="L171" s="407"/>
    </row>
    <row r="172" spans="1:13" ht="11.25" customHeight="1" x14ac:dyDescent="0.2">
      <c r="A172" s="19"/>
      <c r="B172" s="408"/>
      <c r="C172" s="408"/>
      <c r="D172" s="408"/>
      <c r="E172" s="408"/>
      <c r="F172" s="408"/>
      <c r="G172" s="408"/>
      <c r="H172" s="408"/>
      <c r="I172" s="408"/>
      <c r="J172" s="406"/>
      <c r="K172" s="406"/>
      <c r="L172" s="407"/>
    </row>
    <row r="173" spans="1:13" s="68" customFormat="1" ht="15" customHeight="1" x14ac:dyDescent="0.2">
      <c r="A173" s="140" t="s">
        <v>221</v>
      </c>
      <c r="B173" s="406">
        <v>931270300</v>
      </c>
      <c r="C173" s="406">
        <v>1233533819.8099999</v>
      </c>
      <c r="D173" s="406">
        <v>248200530.22999996</v>
      </c>
      <c r="E173" s="406">
        <v>1147711465.77</v>
      </c>
      <c r="F173" s="406">
        <v>10.616332762270018</v>
      </c>
      <c r="G173" s="406">
        <v>85822354.040000066</v>
      </c>
      <c r="H173" s="406">
        <v>264997108.12</v>
      </c>
      <c r="I173" s="406">
        <v>999372295.12</v>
      </c>
      <c r="J173" s="406">
        <v>11.918296218761464</v>
      </c>
      <c r="K173" s="406">
        <v>234161524.69000003</v>
      </c>
      <c r="L173" s="407"/>
      <c r="M173" s="153"/>
    </row>
    <row r="174" spans="1:13" ht="15" customHeight="1" x14ac:dyDescent="0.2">
      <c r="A174" s="430" t="s">
        <v>222</v>
      </c>
      <c r="B174" s="342">
        <v>13057110000</v>
      </c>
      <c r="C174" s="342">
        <v>13829280584.999998</v>
      </c>
      <c r="D174" s="342">
        <v>1309644305.1700001</v>
      </c>
      <c r="E174" s="342">
        <v>10810809075.700003</v>
      </c>
      <c r="F174" s="570">
        <v>100</v>
      </c>
      <c r="G174" s="342">
        <v>3018471509.2999992</v>
      </c>
      <c r="H174" s="342">
        <v>2058793448.3400002</v>
      </c>
      <c r="I174" s="342">
        <v>8385194299.3899984</v>
      </c>
      <c r="J174" s="570">
        <v>100</v>
      </c>
      <c r="K174" s="571">
        <v>5444086285.6099987</v>
      </c>
      <c r="L174" s="229"/>
    </row>
    <row r="175" spans="1:13" ht="11.25" customHeight="1" x14ac:dyDescent="0.2">
      <c r="A175" s="67" t="s">
        <v>875</v>
      </c>
      <c r="L175" s="302"/>
    </row>
    <row r="176" spans="1:13" ht="11.25" customHeight="1" x14ac:dyDescent="0.2">
      <c r="A176" s="432"/>
      <c r="D176" s="201"/>
      <c r="I176" s="201"/>
    </row>
    <row r="177" spans="1:13" s="273" customFormat="1" ht="11.25" customHeight="1" x14ac:dyDescent="0.2">
      <c r="A177" s="432"/>
      <c r="B177" s="201"/>
      <c r="C177" s="440"/>
      <c r="D177" s="440"/>
      <c r="E177" s="440"/>
      <c r="F177" s="440"/>
      <c r="G177" s="440"/>
      <c r="H177" s="440"/>
      <c r="I177" s="440"/>
      <c r="J177" s="440"/>
      <c r="K177" s="440"/>
      <c r="L177" s="46"/>
      <c r="M177" s="214"/>
    </row>
    <row r="178" spans="1:13" s="273" customFormat="1" ht="11.25" customHeight="1" x14ac:dyDescent="0.2">
      <c r="A178" s="432"/>
      <c r="B178" s="440"/>
      <c r="C178" s="440"/>
      <c r="D178" s="440"/>
      <c r="E178" s="440"/>
      <c r="F178" s="440"/>
      <c r="G178" s="440"/>
      <c r="H178" s="440"/>
      <c r="I178" s="440"/>
      <c r="J178" s="440"/>
      <c r="K178" s="440"/>
      <c r="L178" s="46"/>
      <c r="M178" s="214"/>
    </row>
    <row r="179" spans="1:13" s="273" customFormat="1" ht="11.25" customHeight="1" x14ac:dyDescent="0.2">
      <c r="A179" s="432"/>
      <c r="B179" s="46"/>
      <c r="C179" s="46"/>
      <c r="D179" s="201"/>
      <c r="E179" s="46"/>
      <c r="F179" s="46"/>
      <c r="G179" s="46"/>
      <c r="H179" s="46"/>
      <c r="I179" s="201"/>
      <c r="J179" s="46"/>
      <c r="K179" s="46"/>
      <c r="L179" s="46"/>
      <c r="M179" s="214"/>
    </row>
    <row r="180" spans="1:13" s="273" customFormat="1" ht="11.25" customHeight="1" x14ac:dyDescent="0.2">
      <c r="A180" s="58"/>
      <c r="B180" s="440"/>
      <c r="C180" s="440"/>
      <c r="D180" s="440"/>
      <c r="E180" s="440"/>
      <c r="F180" s="440"/>
      <c r="G180" s="440"/>
      <c r="H180" s="440"/>
      <c r="I180" s="440"/>
      <c r="J180" s="46"/>
      <c r="K180" s="46"/>
      <c r="L180" s="46"/>
      <c r="M180" s="214"/>
    </row>
    <row r="181" spans="1:13" ht="11.25" customHeight="1" x14ac:dyDescent="0.2">
      <c r="B181" s="440"/>
      <c r="C181" s="440"/>
      <c r="D181" s="440"/>
      <c r="E181" s="440"/>
      <c r="H181" s="440"/>
      <c r="I181" s="440"/>
    </row>
    <row r="182" spans="1:13" s="273" customFormat="1" ht="11.25" customHeight="1" x14ac:dyDescent="0.2">
      <c r="A182" s="58"/>
      <c r="B182" s="440"/>
      <c r="C182" s="440"/>
      <c r="D182" s="440"/>
      <c r="E182" s="440"/>
      <c r="F182" s="46"/>
      <c r="G182" s="46"/>
      <c r="H182" s="440"/>
      <c r="I182" s="440"/>
      <c r="J182" s="46"/>
      <c r="K182" s="46"/>
      <c r="L182" s="46"/>
      <c r="M182" s="214"/>
    </row>
    <row r="186" spans="1:13" s="46" customFormat="1" ht="11.25" customHeight="1" x14ac:dyDescent="0.2"/>
    <row r="187" spans="1:13" s="46" customFormat="1" ht="11.25" customHeight="1" x14ac:dyDescent="0.2"/>
    <row r="188" spans="1:13" s="46" customFormat="1" ht="11.25" customHeight="1" x14ac:dyDescent="0.2"/>
    <row r="189" spans="1:13" s="46" customFormat="1" ht="11.25" customHeight="1" x14ac:dyDescent="0.2"/>
    <row r="190" spans="1:13" s="46" customFormat="1" ht="11.25" customHeight="1" x14ac:dyDescent="0.2"/>
    <row r="191" spans="1:13" s="46" customFormat="1" ht="11.25" customHeight="1" x14ac:dyDescent="0.2"/>
    <row r="192" spans="1:13" s="46" customFormat="1" ht="11.25" customHeight="1" x14ac:dyDescent="0.2"/>
  </sheetData>
  <customSheetViews>
    <customSheetView guid="{6DBFA32C-4AA4-4E1D-9A48-697377C64CC3}" showPageBreaks="1" showGridLines="0" fitToPage="1" printArea="1">
      <selection activeCell="A6" sqref="A6:L6"/>
      <pageMargins left="0.19685039370078741" right="0.19685039370078741" top="0.19685039370078741" bottom="0.19685039370078741" header="0" footer="0"/>
      <printOptions horizontalCentered="1"/>
      <pageSetup paperSize="9" scale="41" orientation="portrait" r:id="rId1"/>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2"/>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3"/>
      <headerFooter alignWithMargins="0"/>
    </customSheetView>
    <customSheetView guid="{82EDB5A4-4824-4632-A540-7A52C92F04C7}" showPageBreaks="1" showGridLines="0" fitToPage="1" topLeftCell="A10">
      <pane xSplit="1" ySplit="3" topLeftCell="B13" activePane="bottomRight" state="frozen"/>
      <selection pane="bottomRight" activeCell="H177" sqref="H177:I182"/>
      <pageMargins left="0.19685039370078741" right="0.19685039370078741" top="0.19685039370078741" bottom="0.19685039370078741" header="0" footer="0"/>
      <printOptions horizontalCentered="1"/>
      <pageSetup paperSize="9" scale="39" orientation="portrait" r:id="rId4"/>
      <headerFooter alignWithMargins="0"/>
    </customSheetView>
    <customSheetView guid="{C779D862-DE28-46CD-A428-4AAA1056D1E1}" showPageBreaks="1" showGridLines="0" fitToPage="1" printArea="1" topLeftCell="A151">
      <selection activeCell="B1" sqref="B1"/>
      <pageMargins left="0.19685039370078741" right="0.19685039370078741" top="0.19685039370078741" bottom="0.19685039370078741" header="0" footer="0"/>
      <printOptions horizontalCentered="1"/>
      <pageSetup paperSize="9" scale="41" orientation="portrait" r:id="rId5"/>
      <headerFooter alignWithMargins="0"/>
    </customSheetView>
    <customSheetView guid="{25EF1E0D-169B-4051-B414-7E1196FC05E4}" showPageBreaks="1" showGridLines="0" fitToPage="1" printArea="1">
      <selection activeCell="E26" sqref="E26:G26"/>
      <pageMargins left="0.19685039370078741" right="0.19685039370078741" top="0.19685039370078741" bottom="0.19685039370078741" header="0" footer="0"/>
      <printOptions horizontalCentered="1"/>
      <pageSetup paperSize="9" scale="41" orientation="portrait" r:id="rId6"/>
      <headerFooter alignWithMargins="0"/>
    </customSheetView>
    <customSheetView guid="{3AAF6A5F-F9AA-430B-9AD9-1261ECDF41B5}" showPageBreaks="1" showGridLines="0" fitToPage="1" topLeftCell="A10">
      <pane xSplit="1" ySplit="3" topLeftCell="B13" activePane="bottomRight" state="frozen"/>
      <selection pane="bottomRight" activeCell="H177" sqref="H177:I182"/>
      <pageMargins left="0.19685039370078741" right="0.19685039370078741" top="0.19685039370078741" bottom="0.19685039370078741" header="0" footer="0"/>
      <printOptions horizontalCentered="1"/>
      <pageSetup paperSize="9" scale="39" orientation="portrait" r:id="rId7"/>
      <headerFooter alignWithMargins="0"/>
    </customSheetView>
  </customSheetViews>
  <mergeCells count="13">
    <mergeCell ref="M19:M21"/>
    <mergeCell ref="A3:L3"/>
    <mergeCell ref="A4:L4"/>
    <mergeCell ref="A5:L5"/>
    <mergeCell ref="A6:L6"/>
    <mergeCell ref="A7:L7"/>
    <mergeCell ref="H10:J10"/>
    <mergeCell ref="L10:L12"/>
    <mergeCell ref="D10:F10"/>
    <mergeCell ref="G10:G11"/>
    <mergeCell ref="K10:K11"/>
    <mergeCell ref="D11:D12"/>
    <mergeCell ref="H11:H12"/>
  </mergeCells>
  <phoneticPr fontId="1" type="noConversion"/>
  <printOptions horizontalCentered="1"/>
  <pageMargins left="0.19685039370078741" right="0.19685039370078741" top="0.19685039370078741" bottom="0.19685039370078741" header="0" footer="0"/>
  <pageSetup paperSize="9" scale="41" orientation="portrait" r:id="rId8"/>
  <headerFooter alignWithMargins="0"/>
  <drawing r:id="rId9"/>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L167"/>
  <sheetViews>
    <sheetView showGridLines="0" zoomScaleNormal="100" workbookViewId="0"/>
  </sheetViews>
  <sheetFormatPr defaultColWidth="9.140625" defaultRowHeight="11.25" customHeight="1" x14ac:dyDescent="0.2"/>
  <cols>
    <col min="1" max="1" width="42.7109375" style="46" customWidth="1"/>
    <col min="2" max="2" width="17.5703125" style="46" bestFit="1" customWidth="1"/>
    <col min="3" max="3" width="19.140625" style="46" bestFit="1" customWidth="1"/>
    <col min="4" max="4" width="17.42578125" style="46" customWidth="1"/>
    <col min="5" max="5" width="20.28515625" style="46" customWidth="1"/>
    <col min="6" max="6" width="10.7109375" style="46" customWidth="1"/>
    <col min="7" max="7" width="17.42578125" style="46" bestFit="1" customWidth="1"/>
    <col min="8" max="8" width="17" style="46" customWidth="1"/>
    <col min="9" max="9" width="20.140625" style="46" customWidth="1"/>
    <col min="10" max="10" width="10.7109375" style="46" customWidth="1"/>
    <col min="11" max="11" width="17.7109375" style="46" customWidth="1"/>
    <col min="12" max="12" width="15.7109375" style="46" customWidth="1"/>
    <col min="13" max="16384" width="9.140625" style="185"/>
  </cols>
  <sheetData>
    <row r="1" spans="1:12" s="23" customFormat="1" ht="10.5" x14ac:dyDescent="0.2">
      <c r="A1" s="300"/>
      <c r="B1" s="300"/>
      <c r="C1" s="300"/>
      <c r="D1" s="300"/>
      <c r="E1" s="300"/>
      <c r="F1" s="300"/>
      <c r="G1" s="300"/>
      <c r="H1" s="300"/>
      <c r="I1" s="300"/>
      <c r="J1" s="300"/>
    </row>
    <row r="2" spans="1:12" s="23" customFormat="1" ht="10.5" x14ac:dyDescent="0.2">
      <c r="A2" s="187"/>
    </row>
    <row r="3" spans="1:12" s="46" customFormat="1" ht="10.5" x14ac:dyDescent="0.2">
      <c r="A3" s="681" t="s">
        <v>641</v>
      </c>
      <c r="B3" s="681"/>
      <c r="C3" s="681"/>
      <c r="D3" s="681"/>
      <c r="E3" s="681"/>
      <c r="F3" s="681"/>
      <c r="G3" s="681"/>
      <c r="H3" s="681"/>
      <c r="I3" s="681"/>
      <c r="J3" s="681"/>
      <c r="K3" s="681"/>
      <c r="L3" s="681"/>
    </row>
    <row r="4" spans="1:12" s="46" customFormat="1" ht="10.5" x14ac:dyDescent="0.2">
      <c r="A4" s="681" t="s">
        <v>105</v>
      </c>
      <c r="B4" s="681"/>
      <c r="C4" s="681"/>
      <c r="D4" s="681"/>
      <c r="E4" s="681"/>
      <c r="F4" s="681"/>
      <c r="G4" s="681"/>
      <c r="H4" s="681"/>
      <c r="I4" s="681"/>
      <c r="J4" s="681"/>
      <c r="K4" s="681"/>
      <c r="L4" s="681"/>
    </row>
    <row r="5" spans="1:12" s="46" customFormat="1" ht="10.5" x14ac:dyDescent="0.2">
      <c r="A5" s="681" t="s">
        <v>168</v>
      </c>
      <c r="B5" s="681"/>
      <c r="C5" s="681"/>
      <c r="D5" s="681"/>
      <c r="E5" s="681"/>
      <c r="F5" s="681"/>
      <c r="G5" s="681"/>
      <c r="H5" s="681"/>
      <c r="I5" s="681"/>
      <c r="J5" s="681"/>
      <c r="K5" s="681"/>
      <c r="L5" s="681"/>
    </row>
    <row r="6" spans="1:12" s="46" customFormat="1" ht="10.5" x14ac:dyDescent="0.2">
      <c r="A6" s="681" t="s">
        <v>107</v>
      </c>
      <c r="B6" s="681"/>
      <c r="C6" s="681"/>
      <c r="D6" s="681"/>
      <c r="E6" s="681"/>
      <c r="F6" s="681"/>
      <c r="G6" s="681"/>
      <c r="H6" s="681"/>
      <c r="I6" s="681"/>
      <c r="J6" s="681"/>
      <c r="K6" s="681"/>
      <c r="L6" s="681"/>
    </row>
    <row r="7" spans="1:12" s="46" customFormat="1" ht="10.5" x14ac:dyDescent="0.2">
      <c r="A7" s="681" t="s">
        <v>879</v>
      </c>
      <c r="B7" s="681"/>
      <c r="C7" s="681"/>
      <c r="D7" s="681"/>
      <c r="E7" s="681"/>
      <c r="F7" s="681"/>
      <c r="G7" s="681"/>
      <c r="H7" s="681"/>
      <c r="I7" s="681"/>
      <c r="J7" s="681"/>
      <c r="K7" s="681"/>
      <c r="L7" s="681"/>
    </row>
    <row r="8" spans="1:12" s="23" customFormat="1" ht="10.5" x14ac:dyDescent="0.2">
      <c r="A8" s="47"/>
      <c r="B8" s="47"/>
      <c r="C8" s="47"/>
      <c r="D8" s="47"/>
      <c r="E8" s="47"/>
      <c r="F8" s="47"/>
      <c r="G8" s="47"/>
      <c r="H8" s="47"/>
      <c r="I8" s="47"/>
      <c r="J8" s="47"/>
      <c r="K8" s="47"/>
      <c r="L8" s="47"/>
    </row>
    <row r="9" spans="1:12" s="23" customFormat="1" ht="10.5" x14ac:dyDescent="0.2">
      <c r="A9" s="23" t="s">
        <v>736</v>
      </c>
      <c r="B9" s="111"/>
      <c r="L9" s="223">
        <v>1</v>
      </c>
    </row>
    <row r="10" spans="1:12" ht="20.100000000000001" customHeight="1" x14ac:dyDescent="0.2">
      <c r="A10" s="741" t="s">
        <v>735</v>
      </c>
      <c r="B10" s="181" t="s">
        <v>157</v>
      </c>
      <c r="C10" s="181" t="s">
        <v>157</v>
      </c>
      <c r="D10" s="690" t="s">
        <v>158</v>
      </c>
      <c r="E10" s="691"/>
      <c r="F10" s="692"/>
      <c r="G10" s="667" t="s">
        <v>161</v>
      </c>
      <c r="H10" s="739" t="s">
        <v>159</v>
      </c>
      <c r="I10" s="740"/>
      <c r="J10" s="741"/>
      <c r="K10" s="667" t="s">
        <v>161</v>
      </c>
      <c r="L10" s="714" t="s">
        <v>876</v>
      </c>
    </row>
    <row r="11" spans="1:12" ht="20.100000000000001" customHeight="1" x14ac:dyDescent="0.2">
      <c r="A11" s="744"/>
      <c r="B11" s="183" t="s">
        <v>111</v>
      </c>
      <c r="C11" s="183" t="s">
        <v>112</v>
      </c>
      <c r="D11" s="742" t="s">
        <v>113</v>
      </c>
      <c r="E11" s="181" t="s">
        <v>115</v>
      </c>
      <c r="F11" s="181" t="s">
        <v>114</v>
      </c>
      <c r="G11" s="668"/>
      <c r="H11" s="742" t="s">
        <v>113</v>
      </c>
      <c r="I11" s="181" t="s">
        <v>115</v>
      </c>
      <c r="J11" s="181" t="s">
        <v>114</v>
      </c>
      <c r="K11" s="668"/>
      <c r="L11" s="716"/>
    </row>
    <row r="12" spans="1:12" s="381" customFormat="1" ht="20.100000000000001" customHeight="1" x14ac:dyDescent="0.2">
      <c r="A12" s="745"/>
      <c r="B12" s="378"/>
      <c r="C12" s="379" t="s">
        <v>116</v>
      </c>
      <c r="D12" s="743"/>
      <c r="E12" s="379" t="s">
        <v>117</v>
      </c>
      <c r="F12" s="379" t="s">
        <v>59</v>
      </c>
      <c r="G12" s="380" t="s">
        <v>280</v>
      </c>
      <c r="H12" s="743"/>
      <c r="I12" s="379" t="s">
        <v>162</v>
      </c>
      <c r="J12" s="379" t="s">
        <v>545</v>
      </c>
      <c r="K12" s="380" t="s">
        <v>544</v>
      </c>
      <c r="L12" s="718"/>
    </row>
    <row r="13" spans="1:12" s="16" customFormat="1" ht="10.5" x14ac:dyDescent="0.2">
      <c r="A13" s="140"/>
      <c r="B13" s="21"/>
      <c r="C13" s="20"/>
      <c r="D13" s="20"/>
      <c r="E13" s="20"/>
      <c r="F13" s="20"/>
      <c r="G13" s="330"/>
      <c r="H13" s="330"/>
      <c r="I13" s="330"/>
      <c r="J13" s="198"/>
      <c r="K13" s="198"/>
      <c r="L13" s="301"/>
    </row>
    <row r="14" spans="1:12" s="182" customFormat="1" ht="10.5" x14ac:dyDescent="0.2">
      <c r="A14" s="140" t="s">
        <v>642</v>
      </c>
      <c r="B14" s="406">
        <v>37550000</v>
      </c>
      <c r="C14" s="406">
        <v>39460000</v>
      </c>
      <c r="D14" s="406">
        <v>3683401.3</v>
      </c>
      <c r="E14" s="406">
        <v>29914474.880000003</v>
      </c>
      <c r="F14" s="572">
        <v>2.60644558952196</v>
      </c>
      <c r="G14" s="406">
        <v>9545525.1199999992</v>
      </c>
      <c r="H14" s="406">
        <v>6802772.5499999998</v>
      </c>
      <c r="I14" s="406">
        <v>23693552.950000003</v>
      </c>
      <c r="J14" s="572">
        <v>2.3708434850252669</v>
      </c>
      <c r="K14" s="529">
        <v>15766447.049999999</v>
      </c>
      <c r="L14" s="565"/>
    </row>
    <row r="15" spans="1:12" ht="10.5" x14ac:dyDescent="0.2">
      <c r="A15" s="186" t="s">
        <v>643</v>
      </c>
      <c r="B15" s="419">
        <v>21000000</v>
      </c>
      <c r="C15" s="419">
        <v>20000000</v>
      </c>
      <c r="D15" s="419">
        <v>2883401.3</v>
      </c>
      <c r="E15" s="419">
        <v>12674474.880000001</v>
      </c>
      <c r="F15" s="573">
        <v>1.1043258918300247</v>
      </c>
      <c r="G15" s="408">
        <v>7325525.1199999992</v>
      </c>
      <c r="H15" s="419">
        <v>3813453.29</v>
      </c>
      <c r="I15" s="419">
        <v>12157660.460000001</v>
      </c>
      <c r="J15" s="573">
        <v>1.2165296676090229</v>
      </c>
      <c r="K15" s="465">
        <v>7842339.5399999991</v>
      </c>
      <c r="L15" s="443"/>
    </row>
    <row r="16" spans="1:12" ht="10.5" x14ac:dyDescent="0.2">
      <c r="A16" s="186" t="s">
        <v>644</v>
      </c>
      <c r="B16" s="419">
        <v>16550000</v>
      </c>
      <c r="C16" s="419">
        <v>19460000</v>
      </c>
      <c r="D16" s="419">
        <v>800000</v>
      </c>
      <c r="E16" s="419">
        <v>17240000</v>
      </c>
      <c r="F16" s="573">
        <v>1.5021196976919349</v>
      </c>
      <c r="G16" s="408">
        <v>2220000</v>
      </c>
      <c r="H16" s="419">
        <v>2989319.26</v>
      </c>
      <c r="I16" s="419">
        <v>11535892.49</v>
      </c>
      <c r="J16" s="573">
        <v>1.1543138174162435</v>
      </c>
      <c r="K16" s="465">
        <v>7924107.5099999998</v>
      </c>
      <c r="L16" s="443"/>
    </row>
    <row r="17" spans="1:12" ht="10.5" x14ac:dyDescent="0.2">
      <c r="A17" s="186"/>
      <c r="B17" s="419"/>
      <c r="C17" s="419"/>
      <c r="D17" s="419"/>
      <c r="E17" s="419"/>
      <c r="F17" s="465"/>
      <c r="G17" s="408"/>
      <c r="H17" s="419"/>
      <c r="I17" s="419"/>
      <c r="J17" s="465"/>
      <c r="K17" s="443"/>
      <c r="L17" s="443"/>
    </row>
    <row r="18" spans="1:12" s="68" customFormat="1" ht="10.5" x14ac:dyDescent="0.2">
      <c r="A18" s="140" t="s">
        <v>645</v>
      </c>
      <c r="B18" s="406">
        <v>85050000</v>
      </c>
      <c r="C18" s="406">
        <v>88950000</v>
      </c>
      <c r="D18" s="406">
        <v>13200000</v>
      </c>
      <c r="E18" s="406">
        <v>86500000</v>
      </c>
      <c r="F18" s="572">
        <v>7.5367374623174239</v>
      </c>
      <c r="G18" s="406">
        <v>2450000</v>
      </c>
      <c r="H18" s="406">
        <v>18439859.399999999</v>
      </c>
      <c r="I18" s="406">
        <v>63497866.93</v>
      </c>
      <c r="J18" s="572">
        <v>6.3537749885667445</v>
      </c>
      <c r="K18" s="529">
        <v>25452133.07</v>
      </c>
      <c r="L18" s="325"/>
    </row>
    <row r="19" spans="1:12" ht="10.5" x14ac:dyDescent="0.2">
      <c r="A19" s="186" t="s">
        <v>646</v>
      </c>
      <c r="B19" s="408">
        <v>85050000</v>
      </c>
      <c r="C19" s="408">
        <v>88950000</v>
      </c>
      <c r="D19" s="408">
        <v>13200000</v>
      </c>
      <c r="E19" s="408">
        <v>86500000</v>
      </c>
      <c r="F19" s="573">
        <v>7.5367374623174239</v>
      </c>
      <c r="G19" s="408">
        <v>2450000</v>
      </c>
      <c r="H19" s="408">
        <v>18439859.399999999</v>
      </c>
      <c r="I19" s="408">
        <v>63497866.93</v>
      </c>
      <c r="J19" s="573">
        <v>6.3537749885667445</v>
      </c>
      <c r="K19" s="465">
        <v>25452133.07</v>
      </c>
      <c r="L19" s="443"/>
    </row>
    <row r="20" spans="1:12" ht="10.5" x14ac:dyDescent="0.2">
      <c r="A20" s="186"/>
      <c r="B20" s="408"/>
      <c r="C20" s="408"/>
      <c r="D20" s="408"/>
      <c r="E20" s="408"/>
      <c r="F20" s="465"/>
      <c r="G20" s="408"/>
      <c r="H20" s="408"/>
      <c r="I20" s="408"/>
      <c r="J20" s="465"/>
      <c r="K20" s="443"/>
      <c r="L20" s="443"/>
    </row>
    <row r="21" spans="1:12" s="68" customFormat="1" ht="10.5" x14ac:dyDescent="0.2">
      <c r="A21" s="158" t="s">
        <v>761</v>
      </c>
      <c r="B21" s="406">
        <v>79105300</v>
      </c>
      <c r="C21" s="406">
        <v>80398350</v>
      </c>
      <c r="D21" s="406">
        <v>20953595.060000002</v>
      </c>
      <c r="E21" s="406">
        <v>54872104.880000003</v>
      </c>
      <c r="F21" s="572">
        <v>4.7810017165931411</v>
      </c>
      <c r="G21" s="406">
        <v>25526245.119999997</v>
      </c>
      <c r="H21" s="406">
        <v>11273880.93</v>
      </c>
      <c r="I21" s="406">
        <v>45192334.259999998</v>
      </c>
      <c r="J21" s="572">
        <v>4.5220719526323787</v>
      </c>
      <c r="K21" s="529">
        <v>35206015.740000002</v>
      </c>
      <c r="L21" s="325"/>
    </row>
    <row r="22" spans="1:12" ht="10.5" x14ac:dyDescent="0.2">
      <c r="A22" s="186" t="s">
        <v>647</v>
      </c>
      <c r="B22" s="408">
        <v>32882400</v>
      </c>
      <c r="C22" s="408">
        <v>32882400</v>
      </c>
      <c r="D22" s="408">
        <v>5366783.34</v>
      </c>
      <c r="E22" s="408">
        <v>20819320.300000001</v>
      </c>
      <c r="F22" s="573">
        <v>1.813985563525961</v>
      </c>
      <c r="G22" s="408">
        <v>12063079.699999999</v>
      </c>
      <c r="H22" s="408">
        <v>5366783.34</v>
      </c>
      <c r="I22" s="408">
        <v>20819270.300000001</v>
      </c>
      <c r="J22" s="573">
        <v>2.0832346865789511</v>
      </c>
      <c r="K22" s="465">
        <v>12063129.699999999</v>
      </c>
      <c r="L22" s="443"/>
    </row>
    <row r="23" spans="1:12" ht="10.5" x14ac:dyDescent="0.2">
      <c r="A23" s="186" t="s">
        <v>648</v>
      </c>
      <c r="B23" s="408">
        <v>24242900</v>
      </c>
      <c r="C23" s="408">
        <v>23674400</v>
      </c>
      <c r="D23" s="408">
        <v>5202190</v>
      </c>
      <c r="E23" s="408">
        <v>11365257.300000001</v>
      </c>
      <c r="F23" s="573">
        <v>0.99025387817094301</v>
      </c>
      <c r="G23" s="408">
        <v>12309142.699999999</v>
      </c>
      <c r="H23" s="408">
        <v>1775576.81</v>
      </c>
      <c r="I23" s="408">
        <v>7938641.1100000003</v>
      </c>
      <c r="J23" s="573">
        <v>0.79436273636610721</v>
      </c>
      <c r="K23" s="465">
        <v>15735758.890000001</v>
      </c>
      <c r="L23" s="443"/>
    </row>
    <row r="24" spans="1:12" ht="10.5" x14ac:dyDescent="0.2">
      <c r="A24" s="186" t="s">
        <v>655</v>
      </c>
      <c r="B24" s="408">
        <v>20000</v>
      </c>
      <c r="C24" s="408">
        <v>20000</v>
      </c>
      <c r="D24" s="408">
        <v>0</v>
      </c>
      <c r="E24" s="408">
        <v>0</v>
      </c>
      <c r="F24" s="573">
        <v>0</v>
      </c>
      <c r="G24" s="408">
        <v>20000</v>
      </c>
      <c r="H24" s="408">
        <v>0</v>
      </c>
      <c r="I24" s="408">
        <v>0</v>
      </c>
      <c r="J24" s="573">
        <v>0</v>
      </c>
      <c r="K24" s="465">
        <v>20000</v>
      </c>
      <c r="L24" s="443"/>
    </row>
    <row r="25" spans="1:12" ht="10.5" x14ac:dyDescent="0.2">
      <c r="A25" s="186" t="s">
        <v>687</v>
      </c>
      <c r="B25" s="408">
        <v>21960000</v>
      </c>
      <c r="C25" s="408">
        <v>23821550</v>
      </c>
      <c r="D25" s="408">
        <v>10384621.720000001</v>
      </c>
      <c r="E25" s="408">
        <v>22687527.280000001</v>
      </c>
      <c r="F25" s="573">
        <v>1.9767622748962372</v>
      </c>
      <c r="G25" s="408">
        <v>1134022.7199999988</v>
      </c>
      <c r="H25" s="408">
        <v>4131520.78</v>
      </c>
      <c r="I25" s="408">
        <v>16434422.85</v>
      </c>
      <c r="J25" s="573">
        <v>1.6444745296873204</v>
      </c>
      <c r="K25" s="465">
        <v>7387127.1500000004</v>
      </c>
      <c r="L25" s="443"/>
    </row>
    <row r="26" spans="1:12" ht="10.5" x14ac:dyDescent="0.2">
      <c r="A26" s="186"/>
      <c r="B26" s="408"/>
      <c r="C26" s="408"/>
      <c r="D26" s="408"/>
      <c r="E26" s="408"/>
      <c r="F26" s="465"/>
      <c r="G26" s="408"/>
      <c r="H26" s="408"/>
      <c r="I26" s="408"/>
      <c r="J26" s="465"/>
      <c r="K26" s="443"/>
      <c r="L26" s="443"/>
    </row>
    <row r="27" spans="1:12" s="68" customFormat="1" ht="10.5" x14ac:dyDescent="0.2">
      <c r="A27" s="140" t="s">
        <v>649</v>
      </c>
      <c r="B27" s="406">
        <v>100140000</v>
      </c>
      <c r="C27" s="406">
        <v>199499249.93000001</v>
      </c>
      <c r="D27" s="406">
        <v>27658223.809999999</v>
      </c>
      <c r="E27" s="406">
        <v>192898085</v>
      </c>
      <c r="F27" s="572">
        <v>16.807193336749023</v>
      </c>
      <c r="G27" s="406">
        <v>6601164.9299999997</v>
      </c>
      <c r="H27" s="406">
        <v>51125868.509999998</v>
      </c>
      <c r="I27" s="406">
        <v>187900149.66999999</v>
      </c>
      <c r="J27" s="572">
        <v>18.80181695925819</v>
      </c>
      <c r="K27" s="529">
        <v>11599100.260000009</v>
      </c>
      <c r="L27" s="325"/>
    </row>
    <row r="28" spans="1:12" ht="10.5" x14ac:dyDescent="0.2">
      <c r="A28" s="186" t="s">
        <v>651</v>
      </c>
      <c r="B28" s="408">
        <v>8140000</v>
      </c>
      <c r="C28" s="408">
        <v>27415249.93</v>
      </c>
      <c r="D28" s="408">
        <v>5836089.0700000003</v>
      </c>
      <c r="E28" s="408">
        <v>20898085</v>
      </c>
      <c r="F28" s="573">
        <v>1.8208483249733387</v>
      </c>
      <c r="G28" s="408">
        <v>6517164.9299999997</v>
      </c>
      <c r="H28" s="408">
        <v>7632784.79</v>
      </c>
      <c r="I28" s="408">
        <v>18276365.190000001</v>
      </c>
      <c r="J28" s="573">
        <v>1.8287844559274542</v>
      </c>
      <c r="K28" s="465">
        <v>9138884.7399999984</v>
      </c>
      <c r="L28" s="443"/>
    </row>
    <row r="29" spans="1:12" ht="10.5" x14ac:dyDescent="0.2">
      <c r="A29" s="186" t="s">
        <v>652</v>
      </c>
      <c r="B29" s="408">
        <v>92000000</v>
      </c>
      <c r="C29" s="408">
        <v>172000000</v>
      </c>
      <c r="D29" s="408">
        <v>21822134.739999998</v>
      </c>
      <c r="E29" s="408">
        <v>172000000</v>
      </c>
      <c r="F29" s="573">
        <v>14.986345011775686</v>
      </c>
      <c r="G29" s="408">
        <v>0</v>
      </c>
      <c r="H29" s="408">
        <v>43493083.719999999</v>
      </c>
      <c r="I29" s="408">
        <v>169623784.47999999</v>
      </c>
      <c r="J29" s="573">
        <v>16.973032503330739</v>
      </c>
      <c r="K29" s="465">
        <v>2376215.5200000107</v>
      </c>
      <c r="L29" s="443"/>
    </row>
    <row r="30" spans="1:12" ht="10.5" x14ac:dyDescent="0.2">
      <c r="A30" s="186" t="s">
        <v>653</v>
      </c>
      <c r="B30" s="408">
        <v>0</v>
      </c>
      <c r="C30" s="408">
        <v>84000</v>
      </c>
      <c r="D30" s="408">
        <v>0</v>
      </c>
      <c r="E30" s="408">
        <v>0</v>
      </c>
      <c r="F30" s="573">
        <v>0</v>
      </c>
      <c r="G30" s="408">
        <v>84000</v>
      </c>
      <c r="H30" s="408">
        <v>0</v>
      </c>
      <c r="I30" s="408">
        <v>0</v>
      </c>
      <c r="J30" s="573">
        <v>0</v>
      </c>
      <c r="K30" s="465">
        <v>84000</v>
      </c>
      <c r="L30" s="443"/>
    </row>
    <row r="31" spans="1:12" ht="10.5" x14ac:dyDescent="0.2">
      <c r="A31" s="186" t="s">
        <v>654</v>
      </c>
      <c r="B31" s="408">
        <v>0</v>
      </c>
      <c r="C31" s="408">
        <v>0</v>
      </c>
      <c r="D31" s="408">
        <v>0</v>
      </c>
      <c r="E31" s="408"/>
      <c r="F31" s="573">
        <v>0</v>
      </c>
      <c r="G31" s="408">
        <v>0</v>
      </c>
      <c r="H31" s="408">
        <v>0</v>
      </c>
      <c r="I31" s="408">
        <v>0</v>
      </c>
      <c r="J31" s="573">
        <v>0</v>
      </c>
      <c r="K31" s="465">
        <v>0</v>
      </c>
      <c r="L31" s="443"/>
    </row>
    <row r="32" spans="1:12" ht="10.5" x14ac:dyDescent="0.2">
      <c r="A32" s="186"/>
      <c r="B32" s="408"/>
      <c r="C32" s="408"/>
      <c r="D32" s="408"/>
      <c r="E32" s="408"/>
      <c r="F32" s="465"/>
      <c r="G32" s="408"/>
      <c r="H32" s="408"/>
      <c r="I32" s="408"/>
      <c r="J32" s="465"/>
      <c r="K32" s="443"/>
      <c r="L32" s="443"/>
    </row>
    <row r="33" spans="1:12" s="68" customFormat="1" ht="10.5" x14ac:dyDescent="0.2">
      <c r="A33" s="140" t="s">
        <v>658</v>
      </c>
      <c r="B33" s="406">
        <v>270960000</v>
      </c>
      <c r="C33" s="406">
        <v>285654729.85000002</v>
      </c>
      <c r="D33" s="406">
        <v>42739441.009999998</v>
      </c>
      <c r="E33" s="406">
        <v>283046039.14999998</v>
      </c>
      <c r="F33" s="572">
        <v>24.661776726270158</v>
      </c>
      <c r="G33" s="406">
        <v>2608690.7000000477</v>
      </c>
      <c r="H33" s="406">
        <v>71323481.370000005</v>
      </c>
      <c r="I33" s="406">
        <v>274565093.66000003</v>
      </c>
      <c r="J33" s="572">
        <v>27.473754775944787</v>
      </c>
      <c r="K33" s="529">
        <v>11089636.189999998</v>
      </c>
      <c r="L33" s="325"/>
    </row>
    <row r="34" spans="1:12" ht="10.5" x14ac:dyDescent="0.2">
      <c r="A34" s="186" t="s">
        <v>659</v>
      </c>
      <c r="B34" s="408">
        <v>270960000</v>
      </c>
      <c r="C34" s="408">
        <v>285654729.85000002</v>
      </c>
      <c r="D34" s="408">
        <v>42739441.009999998</v>
      </c>
      <c r="E34" s="408">
        <v>283046039.14999998</v>
      </c>
      <c r="F34" s="573">
        <v>24.661776726270158</v>
      </c>
      <c r="G34" s="408">
        <v>2608690.7000000477</v>
      </c>
      <c r="H34" s="408">
        <v>71323481.370000005</v>
      </c>
      <c r="I34" s="408">
        <v>274565093.66000003</v>
      </c>
      <c r="J34" s="573">
        <v>27.473754775944787</v>
      </c>
      <c r="K34" s="465">
        <v>11089636.189999998</v>
      </c>
      <c r="L34" s="443"/>
    </row>
    <row r="35" spans="1:12" ht="10.5" x14ac:dyDescent="0.2">
      <c r="A35" s="186"/>
      <c r="B35" s="408"/>
      <c r="C35" s="408"/>
      <c r="D35" s="408"/>
      <c r="E35" s="408"/>
      <c r="F35" s="465"/>
      <c r="G35" s="408"/>
      <c r="H35" s="408"/>
      <c r="I35" s="408"/>
      <c r="J35" s="465"/>
      <c r="K35" s="443"/>
      <c r="L35" s="443"/>
    </row>
    <row r="36" spans="1:12" s="68" customFormat="1" ht="10.5" x14ac:dyDescent="0.2">
      <c r="A36" s="140" t="s">
        <v>661</v>
      </c>
      <c r="B36" s="406">
        <v>620000</v>
      </c>
      <c r="C36" s="406">
        <v>6620000</v>
      </c>
      <c r="D36" s="406">
        <v>101885.02</v>
      </c>
      <c r="E36" s="406">
        <v>6069229.1200000001</v>
      </c>
      <c r="F36" s="572">
        <v>0.52881140434788221</v>
      </c>
      <c r="G36" s="406">
        <v>550770.87999999989</v>
      </c>
      <c r="H36" s="406">
        <v>1075074.8</v>
      </c>
      <c r="I36" s="406">
        <v>3959785.99</v>
      </c>
      <c r="J36" s="572">
        <v>0.39622731281784512</v>
      </c>
      <c r="K36" s="529">
        <v>2660214.0099999998</v>
      </c>
      <c r="L36" s="325"/>
    </row>
    <row r="37" spans="1:12" ht="10.5" x14ac:dyDescent="0.2">
      <c r="A37" s="186" t="s">
        <v>662</v>
      </c>
      <c r="B37" s="408">
        <v>620000</v>
      </c>
      <c r="C37" s="408">
        <v>6620000</v>
      </c>
      <c r="D37" s="408">
        <v>101885.02</v>
      </c>
      <c r="E37" s="408">
        <v>6069229.1200000001</v>
      </c>
      <c r="F37" s="573">
        <v>0.52881140434788221</v>
      </c>
      <c r="G37" s="408">
        <v>550770.87999999989</v>
      </c>
      <c r="H37" s="408">
        <v>1075074.8</v>
      </c>
      <c r="I37" s="408">
        <v>3959785.99</v>
      </c>
      <c r="J37" s="573">
        <v>0.39622731281784512</v>
      </c>
      <c r="K37" s="465">
        <v>2660214.0099999998</v>
      </c>
      <c r="L37" s="443"/>
    </row>
    <row r="38" spans="1:12" ht="10.5" x14ac:dyDescent="0.2">
      <c r="A38" s="186"/>
      <c r="B38" s="408"/>
      <c r="C38" s="408"/>
      <c r="D38" s="408"/>
      <c r="E38" s="408"/>
      <c r="F38" s="465"/>
      <c r="G38" s="408"/>
      <c r="H38" s="408"/>
      <c r="I38" s="408"/>
      <c r="J38" s="465"/>
      <c r="K38" s="443"/>
      <c r="L38" s="443"/>
    </row>
    <row r="39" spans="1:12" s="68" customFormat="1" ht="10.5" x14ac:dyDescent="0.2">
      <c r="A39" s="140" t="s">
        <v>663</v>
      </c>
      <c r="B39" s="406">
        <v>30000</v>
      </c>
      <c r="C39" s="406">
        <v>30000</v>
      </c>
      <c r="D39" s="406">
        <v>0</v>
      </c>
      <c r="E39" s="406">
        <v>0</v>
      </c>
      <c r="F39" s="572">
        <v>0</v>
      </c>
      <c r="G39" s="406">
        <v>30000</v>
      </c>
      <c r="H39" s="406">
        <v>0</v>
      </c>
      <c r="I39" s="406">
        <v>0</v>
      </c>
      <c r="J39" s="572">
        <v>0</v>
      </c>
      <c r="K39" s="529">
        <v>30000</v>
      </c>
      <c r="L39" s="325"/>
    </row>
    <row r="40" spans="1:12" ht="10.5" x14ac:dyDescent="0.2">
      <c r="A40" s="186" t="s">
        <v>664</v>
      </c>
      <c r="B40" s="408">
        <v>30000</v>
      </c>
      <c r="C40" s="408">
        <v>30000</v>
      </c>
      <c r="D40" s="408">
        <v>0</v>
      </c>
      <c r="E40" s="408">
        <v>0</v>
      </c>
      <c r="F40" s="573">
        <v>0</v>
      </c>
      <c r="G40" s="408">
        <v>30000</v>
      </c>
      <c r="H40" s="408">
        <v>0</v>
      </c>
      <c r="I40" s="408">
        <v>0</v>
      </c>
      <c r="J40" s="573">
        <v>0</v>
      </c>
      <c r="K40" s="465">
        <v>30000</v>
      </c>
      <c r="L40" s="443"/>
    </row>
    <row r="41" spans="1:12" ht="10.5" x14ac:dyDescent="0.2">
      <c r="A41" s="186"/>
      <c r="B41" s="408"/>
      <c r="C41" s="408"/>
      <c r="D41" s="408"/>
      <c r="E41" s="408"/>
      <c r="F41" s="465"/>
      <c r="G41" s="408"/>
      <c r="H41" s="408"/>
      <c r="I41" s="408"/>
      <c r="J41" s="465"/>
      <c r="K41" s="443"/>
      <c r="L41" s="443"/>
    </row>
    <row r="42" spans="1:12" s="68" customFormat="1" ht="10.5" x14ac:dyDescent="0.2">
      <c r="A42" s="140" t="s">
        <v>665</v>
      </c>
      <c r="B42" s="406">
        <v>16642800</v>
      </c>
      <c r="C42" s="406">
        <v>69208000</v>
      </c>
      <c r="D42" s="406">
        <v>23889271.460000001</v>
      </c>
      <c r="E42" s="406">
        <v>57336728.140000001</v>
      </c>
      <c r="F42" s="572">
        <v>4.9957441264676019</v>
      </c>
      <c r="G42" s="406">
        <v>11871271.859999999</v>
      </c>
      <c r="H42" s="406">
        <v>13048933.32</v>
      </c>
      <c r="I42" s="406">
        <v>40528851.490000002</v>
      </c>
      <c r="J42" s="572">
        <v>4.0554307626802366</v>
      </c>
      <c r="K42" s="529">
        <v>28679148.509999998</v>
      </c>
      <c r="L42" s="325"/>
    </row>
    <row r="43" spans="1:12" ht="10.5" x14ac:dyDescent="0.2">
      <c r="A43" s="186" t="s">
        <v>651</v>
      </c>
      <c r="B43" s="408">
        <v>16512800</v>
      </c>
      <c r="C43" s="408">
        <v>45694000</v>
      </c>
      <c r="D43" s="408">
        <v>13684562.460000001</v>
      </c>
      <c r="E43" s="408">
        <v>33994015.140000001</v>
      </c>
      <c r="F43" s="573">
        <v>2.9618955768811985</v>
      </c>
      <c r="G43" s="408">
        <v>11699984.859999999</v>
      </c>
      <c r="H43" s="408">
        <v>8682254.0099999998</v>
      </c>
      <c r="I43" s="408">
        <v>24621500.09</v>
      </c>
      <c r="J43" s="573">
        <v>2.4636964833054096</v>
      </c>
      <c r="K43" s="465">
        <v>21072499.91</v>
      </c>
      <c r="L43" s="443"/>
    </row>
    <row r="44" spans="1:12" ht="10.5" x14ac:dyDescent="0.2">
      <c r="A44" s="186" t="s">
        <v>655</v>
      </c>
      <c r="B44" s="408">
        <v>0</v>
      </c>
      <c r="C44" s="408">
        <v>0</v>
      </c>
      <c r="D44" s="408">
        <v>0</v>
      </c>
      <c r="E44" s="408">
        <v>0</v>
      </c>
      <c r="F44" s="573">
        <v>0</v>
      </c>
      <c r="G44" s="408">
        <v>0</v>
      </c>
      <c r="H44" s="408"/>
      <c r="I44" s="408"/>
      <c r="J44" s="573">
        <v>0</v>
      </c>
      <c r="K44" s="465">
        <v>0</v>
      </c>
      <c r="L44" s="443"/>
    </row>
    <row r="45" spans="1:12" ht="10.5" x14ac:dyDescent="0.2">
      <c r="A45" s="186" t="s">
        <v>668</v>
      </c>
      <c r="B45" s="408">
        <v>0</v>
      </c>
      <c r="C45" s="408">
        <v>23384000</v>
      </c>
      <c r="D45" s="408">
        <v>10204709</v>
      </c>
      <c r="E45" s="408">
        <v>23342713</v>
      </c>
      <c r="F45" s="573">
        <v>2.0338485495864038</v>
      </c>
      <c r="G45" s="408">
        <v>41287</v>
      </c>
      <c r="H45" s="408">
        <v>4366679.3099999996</v>
      </c>
      <c r="I45" s="408">
        <v>15907351.4</v>
      </c>
      <c r="J45" s="573">
        <v>1.591734279374827</v>
      </c>
      <c r="K45" s="465">
        <v>7476648.5999999996</v>
      </c>
      <c r="L45" s="443"/>
    </row>
    <row r="46" spans="1:12" ht="10.5" x14ac:dyDescent="0.2">
      <c r="A46" s="186" t="s">
        <v>762</v>
      </c>
      <c r="B46" s="408">
        <v>27000</v>
      </c>
      <c r="C46" s="408">
        <v>27000</v>
      </c>
      <c r="D46" s="408">
        <v>0</v>
      </c>
      <c r="E46" s="408">
        <v>0</v>
      </c>
      <c r="F46" s="573">
        <v>0</v>
      </c>
      <c r="G46" s="408">
        <v>27000</v>
      </c>
      <c r="H46" s="408">
        <v>0</v>
      </c>
      <c r="I46" s="408">
        <v>0</v>
      </c>
      <c r="J46" s="573">
        <v>0</v>
      </c>
      <c r="K46" s="465">
        <v>27000</v>
      </c>
      <c r="L46" s="443"/>
    </row>
    <row r="47" spans="1:12" ht="10.5" x14ac:dyDescent="0.2">
      <c r="A47" s="186" t="s">
        <v>670</v>
      </c>
      <c r="B47" s="408">
        <v>90000</v>
      </c>
      <c r="C47" s="408">
        <v>90000</v>
      </c>
      <c r="D47" s="408">
        <v>0</v>
      </c>
      <c r="E47" s="408">
        <v>0</v>
      </c>
      <c r="F47" s="573">
        <v>0</v>
      </c>
      <c r="G47" s="408">
        <v>90000</v>
      </c>
      <c r="H47" s="408">
        <v>0</v>
      </c>
      <c r="I47" s="408">
        <v>0</v>
      </c>
      <c r="J47" s="573">
        <v>0</v>
      </c>
      <c r="K47" s="465">
        <v>90000</v>
      </c>
      <c r="L47" s="443"/>
    </row>
    <row r="48" spans="1:12" s="273" customFormat="1" ht="10.5" x14ac:dyDescent="0.2">
      <c r="A48" s="186" t="s">
        <v>810</v>
      </c>
      <c r="B48" s="408">
        <v>13000</v>
      </c>
      <c r="C48" s="408">
        <v>13000</v>
      </c>
      <c r="D48" s="408">
        <v>0</v>
      </c>
      <c r="E48" s="408">
        <v>0</v>
      </c>
      <c r="F48" s="573">
        <v>0</v>
      </c>
      <c r="G48" s="408">
        <v>13000</v>
      </c>
      <c r="H48" s="408">
        <v>0</v>
      </c>
      <c r="I48" s="408">
        <v>0</v>
      </c>
      <c r="J48" s="573">
        <v>0</v>
      </c>
      <c r="K48" s="465">
        <v>13000</v>
      </c>
      <c r="L48" s="443"/>
    </row>
    <row r="49" spans="1:12" ht="12.75" x14ac:dyDescent="0.2">
      <c r="A49" s="186"/>
      <c r="B49" s="408"/>
      <c r="C49" s="408"/>
      <c r="D49" s="408"/>
      <c r="E49" s="408"/>
      <c r="F49" s="337"/>
      <c r="G49" s="408"/>
      <c r="H49" s="408"/>
      <c r="I49" s="408"/>
      <c r="J49" s="337"/>
      <c r="K49" s="465"/>
      <c r="L49" s="443"/>
    </row>
    <row r="50" spans="1:12" s="68" customFormat="1" ht="10.5" x14ac:dyDescent="0.2">
      <c r="A50" s="140" t="s">
        <v>666</v>
      </c>
      <c r="B50" s="406">
        <v>920000</v>
      </c>
      <c r="C50" s="406">
        <v>1223338.68</v>
      </c>
      <c r="D50" s="406">
        <v>26000</v>
      </c>
      <c r="E50" s="406">
        <v>1223338.68</v>
      </c>
      <c r="F50" s="572">
        <v>0.106589392585641</v>
      </c>
      <c r="G50" s="406">
        <v>0</v>
      </c>
      <c r="H50" s="406">
        <v>256406.07</v>
      </c>
      <c r="I50" s="406">
        <v>1009727.27</v>
      </c>
      <c r="J50" s="572">
        <v>0.10103614788308261</v>
      </c>
      <c r="K50" s="529">
        <v>213611.40999999992</v>
      </c>
      <c r="L50" s="325"/>
    </row>
    <row r="51" spans="1:12" ht="10.5" x14ac:dyDescent="0.2">
      <c r="A51" s="186" t="s">
        <v>756</v>
      </c>
      <c r="B51" s="408">
        <v>920000</v>
      </c>
      <c r="C51" s="408">
        <v>1223338.68</v>
      </c>
      <c r="D51" s="408">
        <v>26000</v>
      </c>
      <c r="E51" s="408">
        <v>1223338.68</v>
      </c>
      <c r="F51" s="573">
        <v>0.106589392585641</v>
      </c>
      <c r="G51" s="408">
        <v>0</v>
      </c>
      <c r="H51" s="408">
        <v>256406.07</v>
      </c>
      <c r="I51" s="408">
        <v>1009727.27</v>
      </c>
      <c r="J51" s="573">
        <v>0.10103614788308261</v>
      </c>
      <c r="K51" s="465">
        <v>213611.40999999992</v>
      </c>
      <c r="L51" s="443"/>
    </row>
    <row r="52" spans="1:12" ht="10.5" x14ac:dyDescent="0.2">
      <c r="A52" s="186"/>
      <c r="B52" s="408"/>
      <c r="C52" s="408"/>
      <c r="D52" s="408"/>
      <c r="E52" s="408"/>
      <c r="F52" s="465"/>
      <c r="G52" s="408"/>
      <c r="H52" s="408"/>
      <c r="I52" s="408"/>
      <c r="J52" s="465"/>
      <c r="K52" s="443"/>
      <c r="L52" s="443"/>
    </row>
    <row r="53" spans="1:12" s="68" customFormat="1" ht="10.5" x14ac:dyDescent="0.2">
      <c r="A53" s="140" t="s">
        <v>682</v>
      </c>
      <c r="B53" s="406">
        <v>201446800</v>
      </c>
      <c r="C53" s="406">
        <v>331442019.75</v>
      </c>
      <c r="D53" s="406">
        <v>75999399.040000007</v>
      </c>
      <c r="E53" s="406">
        <v>314706477.50999999</v>
      </c>
      <c r="F53" s="572">
        <v>27.420347961659797</v>
      </c>
      <c r="G53" s="406">
        <v>16735542.240000026</v>
      </c>
      <c r="H53" s="406">
        <v>78287486.310000002</v>
      </c>
      <c r="I53" s="406">
        <v>296162641.25999999</v>
      </c>
      <c r="J53" s="572">
        <v>29.634866076054085</v>
      </c>
      <c r="K53" s="529">
        <v>35279378.490000024</v>
      </c>
      <c r="L53" s="325"/>
    </row>
    <row r="54" spans="1:12" ht="10.5" x14ac:dyDescent="0.2">
      <c r="A54" s="185" t="s">
        <v>651</v>
      </c>
      <c r="B54" s="408">
        <v>201446800</v>
      </c>
      <c r="C54" s="408">
        <v>331064511.92000002</v>
      </c>
      <c r="D54" s="408">
        <v>75999399.040000007</v>
      </c>
      <c r="E54" s="408">
        <v>314706477.50999999</v>
      </c>
      <c r="F54" s="573">
        <v>27.420347961659797</v>
      </c>
      <c r="G54" s="408">
        <v>16358034.410000026</v>
      </c>
      <c r="H54" s="408">
        <v>78287486.310000002</v>
      </c>
      <c r="I54" s="408">
        <v>296162641.25999999</v>
      </c>
      <c r="J54" s="573">
        <v>29.634866076054085</v>
      </c>
      <c r="K54" s="465">
        <v>34901870.660000026</v>
      </c>
      <c r="L54" s="443"/>
    </row>
    <row r="55" spans="1:12" ht="10.5" x14ac:dyDescent="0.2">
      <c r="A55" s="186" t="s">
        <v>675</v>
      </c>
      <c r="B55" s="408">
        <v>0</v>
      </c>
      <c r="C55" s="408">
        <v>0</v>
      </c>
      <c r="D55" s="408">
        <v>0</v>
      </c>
      <c r="E55" s="408">
        <v>0</v>
      </c>
      <c r="F55" s="573">
        <v>0</v>
      </c>
      <c r="G55" s="408">
        <v>0</v>
      </c>
      <c r="H55" s="408">
        <v>0</v>
      </c>
      <c r="I55" s="408">
        <v>0</v>
      </c>
      <c r="J55" s="573">
        <v>0</v>
      </c>
      <c r="K55" s="465">
        <v>0</v>
      </c>
      <c r="L55" s="443"/>
    </row>
    <row r="56" spans="1:12" ht="10.5" x14ac:dyDescent="0.2">
      <c r="A56" s="186" t="s">
        <v>755</v>
      </c>
      <c r="B56" s="408">
        <v>0</v>
      </c>
      <c r="C56" s="408">
        <v>0</v>
      </c>
      <c r="D56" s="408">
        <v>0</v>
      </c>
      <c r="E56" s="408">
        <v>0</v>
      </c>
      <c r="F56" s="573">
        <v>0</v>
      </c>
      <c r="G56" s="408">
        <v>0</v>
      </c>
      <c r="H56" s="408">
        <v>0</v>
      </c>
      <c r="I56" s="408">
        <v>0</v>
      </c>
      <c r="J56" s="573">
        <v>0</v>
      </c>
      <c r="K56" s="465">
        <v>0</v>
      </c>
      <c r="L56" s="443"/>
    </row>
    <row r="57" spans="1:12" ht="10.5" x14ac:dyDescent="0.2">
      <c r="A57" s="396" t="s">
        <v>680</v>
      </c>
      <c r="B57" s="408">
        <v>0</v>
      </c>
      <c r="C57" s="408">
        <v>377507.82999999996</v>
      </c>
      <c r="D57" s="408">
        <v>0</v>
      </c>
      <c r="E57" s="408">
        <v>0</v>
      </c>
      <c r="F57" s="326">
        <v>0</v>
      </c>
      <c r="G57" s="408">
        <v>377507.82999999996</v>
      </c>
      <c r="H57" s="408">
        <v>0</v>
      </c>
      <c r="I57" s="408">
        <v>0</v>
      </c>
      <c r="J57" s="573">
        <v>0</v>
      </c>
      <c r="K57" s="465">
        <v>377507.82999999996</v>
      </c>
      <c r="L57" s="443"/>
    </row>
    <row r="58" spans="1:12" s="273" customFormat="1" ht="10.5" x14ac:dyDescent="0.2">
      <c r="A58" s="396"/>
      <c r="B58" s="408"/>
      <c r="C58" s="408"/>
      <c r="D58" s="408"/>
      <c r="E58" s="408"/>
      <c r="F58" s="465"/>
      <c r="G58" s="408"/>
      <c r="H58" s="408"/>
      <c r="I58" s="408"/>
      <c r="J58" s="465"/>
      <c r="K58" s="443"/>
      <c r="L58" s="443"/>
    </row>
    <row r="59" spans="1:12" s="68" customFormat="1" ht="10.5" x14ac:dyDescent="0.2">
      <c r="A59" s="140" t="s">
        <v>683</v>
      </c>
      <c r="B59" s="406">
        <v>1654500</v>
      </c>
      <c r="C59" s="406">
        <v>1188700</v>
      </c>
      <c r="D59" s="406">
        <v>0</v>
      </c>
      <c r="E59" s="406">
        <v>849450.58</v>
      </c>
      <c r="F59" s="572">
        <v>7.4012555013563741E-2</v>
      </c>
      <c r="G59" s="406">
        <v>339249.42000000004</v>
      </c>
      <c r="H59" s="406">
        <v>181382.24</v>
      </c>
      <c r="I59" s="406">
        <v>718089.72</v>
      </c>
      <c r="J59" s="572">
        <v>7.1854075153621813E-2</v>
      </c>
      <c r="K59" s="529">
        <v>470610.28</v>
      </c>
      <c r="L59" s="325"/>
    </row>
    <row r="60" spans="1:12" ht="10.5" x14ac:dyDescent="0.2">
      <c r="A60" s="186" t="s">
        <v>684</v>
      </c>
      <c r="B60" s="408">
        <v>1654500</v>
      </c>
      <c r="C60" s="408">
        <v>1188700</v>
      </c>
      <c r="D60" s="408">
        <v>0</v>
      </c>
      <c r="E60" s="408">
        <v>849450.58</v>
      </c>
      <c r="F60" s="573">
        <v>7.4012555013563741E-2</v>
      </c>
      <c r="G60" s="408">
        <v>339249.42000000004</v>
      </c>
      <c r="H60" s="408">
        <v>181382.24</v>
      </c>
      <c r="I60" s="408">
        <v>718089.72</v>
      </c>
      <c r="J60" s="573">
        <v>7.1854075153621813E-2</v>
      </c>
      <c r="K60" s="465">
        <v>470610.28</v>
      </c>
      <c r="L60" s="443"/>
    </row>
    <row r="61" spans="1:12" ht="10.5" x14ac:dyDescent="0.2">
      <c r="A61" s="186"/>
      <c r="B61" s="408"/>
      <c r="C61" s="408"/>
      <c r="D61" s="408"/>
      <c r="E61" s="408"/>
      <c r="F61" s="465"/>
      <c r="G61" s="408"/>
      <c r="H61" s="408"/>
      <c r="I61" s="408"/>
      <c r="J61" s="465"/>
      <c r="K61" s="443"/>
      <c r="L61" s="443"/>
    </row>
    <row r="62" spans="1:12" s="68" customFormat="1" ht="10.5" x14ac:dyDescent="0.2">
      <c r="A62" s="140" t="s">
        <v>685</v>
      </c>
      <c r="B62" s="406">
        <v>10977800</v>
      </c>
      <c r="C62" s="406">
        <v>12350400</v>
      </c>
      <c r="D62" s="406">
        <v>48853.7</v>
      </c>
      <c r="E62" s="406">
        <v>11221947.65</v>
      </c>
      <c r="F62" s="572">
        <v>0.97776732085456619</v>
      </c>
      <c r="G62" s="406">
        <v>1128452.3500000006</v>
      </c>
      <c r="H62" s="406">
        <v>71432.639999999999</v>
      </c>
      <c r="I62" s="406">
        <v>11117304.369999999</v>
      </c>
      <c r="J62" s="572">
        <v>1.1124287139323874</v>
      </c>
      <c r="K62" s="529">
        <v>1233095.6300000001</v>
      </c>
      <c r="L62" s="325"/>
    </row>
    <row r="63" spans="1:12" ht="10.5" x14ac:dyDescent="0.2">
      <c r="A63" s="186" t="s">
        <v>656</v>
      </c>
      <c r="B63" s="408">
        <v>370800</v>
      </c>
      <c r="C63" s="408">
        <v>455400</v>
      </c>
      <c r="D63" s="408">
        <v>29692</v>
      </c>
      <c r="E63" s="408">
        <v>360939.71</v>
      </c>
      <c r="F63" s="573">
        <v>3.1448645479710831E-2</v>
      </c>
      <c r="G63" s="408">
        <v>94460.289999999979</v>
      </c>
      <c r="H63" s="408">
        <v>71270.94</v>
      </c>
      <c r="I63" s="408">
        <v>280221.45</v>
      </c>
      <c r="J63" s="573">
        <v>2.8039745685200561E-2</v>
      </c>
      <c r="K63" s="465">
        <v>175178.55</v>
      </c>
      <c r="L63" s="443"/>
    </row>
    <row r="64" spans="1:12" ht="10.5" x14ac:dyDescent="0.2">
      <c r="A64" s="46" t="s">
        <v>686</v>
      </c>
      <c r="B64" s="408">
        <v>10607000</v>
      </c>
      <c r="C64" s="408">
        <v>11895000</v>
      </c>
      <c r="D64" s="408">
        <v>19161.7</v>
      </c>
      <c r="E64" s="408">
        <v>10861007.939999999</v>
      </c>
      <c r="F64" s="573">
        <v>0.94631867537485537</v>
      </c>
      <c r="G64" s="408">
        <v>1033992.0600000005</v>
      </c>
      <c r="H64" s="408">
        <v>161.69999999999999</v>
      </c>
      <c r="I64" s="408">
        <v>10837082.92</v>
      </c>
      <c r="J64" s="573">
        <v>1.084388968247187</v>
      </c>
      <c r="K64" s="465">
        <v>1057917.08</v>
      </c>
      <c r="L64" s="443"/>
    </row>
    <row r="65" spans="1:12" ht="10.5" x14ac:dyDescent="0.2">
      <c r="A65" s="186" t="s">
        <v>687</v>
      </c>
      <c r="B65" s="408">
        <v>0</v>
      </c>
      <c r="C65" s="408">
        <v>0</v>
      </c>
      <c r="D65" s="408">
        <v>0</v>
      </c>
      <c r="E65" s="408">
        <v>0</v>
      </c>
      <c r="F65" s="573">
        <v>0</v>
      </c>
      <c r="G65" s="408">
        <v>0</v>
      </c>
      <c r="H65" s="408">
        <v>0</v>
      </c>
      <c r="I65" s="408">
        <v>0</v>
      </c>
      <c r="J65" s="573">
        <v>0</v>
      </c>
      <c r="K65" s="465">
        <v>0</v>
      </c>
      <c r="L65" s="443"/>
    </row>
    <row r="66" spans="1:12" ht="10.5" x14ac:dyDescent="0.2">
      <c r="A66" s="186"/>
      <c r="B66" s="408"/>
      <c r="C66" s="408"/>
      <c r="D66" s="408"/>
      <c r="E66" s="408"/>
      <c r="F66" s="465"/>
      <c r="G66" s="408"/>
      <c r="H66" s="408"/>
      <c r="I66" s="408"/>
      <c r="J66" s="465"/>
      <c r="K66" s="443"/>
      <c r="L66" s="443"/>
    </row>
    <row r="67" spans="1:12" s="68" customFormat="1" ht="10.5" x14ac:dyDescent="0.2">
      <c r="A67" s="140" t="s">
        <v>692</v>
      </c>
      <c r="B67" s="406">
        <v>442400</v>
      </c>
      <c r="C67" s="406">
        <v>913400</v>
      </c>
      <c r="D67" s="406">
        <v>254618.2</v>
      </c>
      <c r="E67" s="406">
        <v>865018.2</v>
      </c>
      <c r="F67" s="572">
        <v>7.5368960387588266E-2</v>
      </c>
      <c r="G67" s="406">
        <v>48381.800000000047</v>
      </c>
      <c r="H67" s="406">
        <v>120543.85</v>
      </c>
      <c r="I67" s="406">
        <v>473982.89</v>
      </c>
      <c r="J67" s="572">
        <v>4.7428059824600834E-2</v>
      </c>
      <c r="K67" s="529">
        <v>439417.11</v>
      </c>
      <c r="L67" s="325"/>
    </row>
    <row r="68" spans="1:12" ht="10.5" x14ac:dyDescent="0.2">
      <c r="A68" s="186" t="s">
        <v>651</v>
      </c>
      <c r="B68" s="408">
        <v>442400</v>
      </c>
      <c r="C68" s="408">
        <v>913400</v>
      </c>
      <c r="D68" s="408">
        <v>254618.2</v>
      </c>
      <c r="E68" s="408">
        <v>865018.2</v>
      </c>
      <c r="F68" s="573">
        <v>7.5368960387588266E-2</v>
      </c>
      <c r="G68" s="408">
        <v>48381.800000000047</v>
      </c>
      <c r="H68" s="408">
        <v>120543.85</v>
      </c>
      <c r="I68" s="408">
        <v>473982.89</v>
      </c>
      <c r="J68" s="573">
        <v>4.7428059824600834E-2</v>
      </c>
      <c r="K68" s="465">
        <v>439417.11</v>
      </c>
      <c r="L68" s="443"/>
    </row>
    <row r="69" spans="1:12" ht="10.5" x14ac:dyDescent="0.2">
      <c r="A69" s="186" t="s">
        <v>693</v>
      </c>
      <c r="B69" s="408">
        <v>0</v>
      </c>
      <c r="C69" s="408">
        <v>0</v>
      </c>
      <c r="D69" s="408">
        <v>0</v>
      </c>
      <c r="E69" s="408">
        <v>0</v>
      </c>
      <c r="F69" s="573">
        <v>0</v>
      </c>
      <c r="G69" s="408">
        <v>0</v>
      </c>
      <c r="H69" s="408">
        <v>0</v>
      </c>
      <c r="I69" s="408">
        <v>0</v>
      </c>
      <c r="J69" s="573">
        <v>0</v>
      </c>
      <c r="K69" s="465">
        <v>0</v>
      </c>
      <c r="L69" s="443"/>
    </row>
    <row r="70" spans="1:12" ht="10.5" x14ac:dyDescent="0.2">
      <c r="A70" s="186"/>
      <c r="B70" s="408"/>
      <c r="C70" s="408"/>
      <c r="D70" s="408"/>
      <c r="E70" s="408"/>
      <c r="F70" s="465"/>
      <c r="G70" s="408"/>
      <c r="H70" s="408"/>
      <c r="I70" s="408"/>
      <c r="J70" s="465"/>
      <c r="K70" s="443"/>
      <c r="L70" s="443"/>
    </row>
    <row r="71" spans="1:12" s="68" customFormat="1" ht="10.5" x14ac:dyDescent="0.2">
      <c r="A71" s="140" t="s">
        <v>696</v>
      </c>
      <c r="B71" s="406">
        <v>1948200</v>
      </c>
      <c r="C71" s="406">
        <v>4365945</v>
      </c>
      <c r="D71" s="406">
        <v>366860.79</v>
      </c>
      <c r="E71" s="406">
        <v>2751326.53</v>
      </c>
      <c r="F71" s="572">
        <v>0.23972284080599768</v>
      </c>
      <c r="G71" s="406">
        <v>1614618.4700000002</v>
      </c>
      <c r="H71" s="406">
        <v>695592.36</v>
      </c>
      <c r="I71" s="406">
        <v>2741217.79</v>
      </c>
      <c r="J71" s="572">
        <v>0.27429395465389078</v>
      </c>
      <c r="K71" s="529">
        <v>1624727.21</v>
      </c>
      <c r="L71" s="325"/>
    </row>
    <row r="72" spans="1:12" ht="10.5" x14ac:dyDescent="0.2">
      <c r="A72" s="395" t="s">
        <v>651</v>
      </c>
      <c r="B72" s="408">
        <v>1948200</v>
      </c>
      <c r="C72" s="408">
        <v>4365945</v>
      </c>
      <c r="D72" s="408">
        <v>366860.79</v>
      </c>
      <c r="E72" s="408">
        <v>2751326.53</v>
      </c>
      <c r="F72" s="573">
        <v>0.23972284080599768</v>
      </c>
      <c r="G72" s="408">
        <v>1614618.4700000002</v>
      </c>
      <c r="H72" s="408">
        <v>695592.36</v>
      </c>
      <c r="I72" s="408">
        <v>2741217.79</v>
      </c>
      <c r="J72" s="573">
        <v>0.27429395465389078</v>
      </c>
      <c r="K72" s="465">
        <v>1624727.21</v>
      </c>
      <c r="L72" s="443"/>
    </row>
    <row r="73" spans="1:12" ht="10.5" x14ac:dyDescent="0.2">
      <c r="A73" s="186"/>
      <c r="B73" s="408"/>
      <c r="C73" s="408"/>
      <c r="D73" s="408"/>
      <c r="E73" s="408"/>
      <c r="F73" s="465"/>
      <c r="G73" s="408"/>
      <c r="H73" s="408"/>
      <c r="I73" s="408"/>
      <c r="J73" s="465"/>
      <c r="K73" s="443"/>
      <c r="L73" s="443"/>
    </row>
    <row r="74" spans="1:12" s="68" customFormat="1" ht="10.5" x14ac:dyDescent="0.2">
      <c r="A74" s="140" t="s">
        <v>702</v>
      </c>
      <c r="B74" s="406">
        <v>42000</v>
      </c>
      <c r="C74" s="406">
        <v>0</v>
      </c>
      <c r="D74" s="406">
        <v>0</v>
      </c>
      <c r="E74" s="406">
        <v>0</v>
      </c>
      <c r="F74" s="572">
        <v>0</v>
      </c>
      <c r="G74" s="406">
        <v>0</v>
      </c>
      <c r="H74" s="406">
        <v>0</v>
      </c>
      <c r="I74" s="406">
        <v>0</v>
      </c>
      <c r="J74" s="572">
        <v>0</v>
      </c>
      <c r="K74" s="529">
        <v>0</v>
      </c>
      <c r="L74" s="325"/>
    </row>
    <row r="75" spans="1:12" ht="10.5" x14ac:dyDescent="0.2">
      <c r="A75" s="186" t="s">
        <v>703</v>
      </c>
      <c r="B75" s="408">
        <v>42000</v>
      </c>
      <c r="C75" s="408">
        <v>0</v>
      </c>
      <c r="D75" s="408">
        <v>0</v>
      </c>
      <c r="E75" s="408">
        <v>0</v>
      </c>
      <c r="F75" s="573">
        <v>0</v>
      </c>
      <c r="G75" s="408">
        <v>0</v>
      </c>
      <c r="H75" s="408">
        <v>0</v>
      </c>
      <c r="I75" s="408">
        <v>0</v>
      </c>
      <c r="J75" s="573">
        <v>0</v>
      </c>
      <c r="K75" s="465">
        <v>0</v>
      </c>
      <c r="L75" s="443"/>
    </row>
    <row r="76" spans="1:12" ht="10.5" x14ac:dyDescent="0.2">
      <c r="A76" s="186"/>
      <c r="B76" s="408"/>
      <c r="C76" s="408"/>
      <c r="D76" s="408"/>
      <c r="E76" s="408"/>
      <c r="F76" s="465"/>
      <c r="G76" s="408"/>
      <c r="H76" s="408"/>
      <c r="I76" s="408"/>
      <c r="J76" s="465"/>
      <c r="K76" s="443"/>
      <c r="L76" s="443"/>
    </row>
    <row r="77" spans="1:12" s="68" customFormat="1" ht="10.5" x14ac:dyDescent="0.2">
      <c r="A77" s="140" t="s">
        <v>706</v>
      </c>
      <c r="B77" s="406">
        <v>8227000</v>
      </c>
      <c r="C77" s="406">
        <v>20914000</v>
      </c>
      <c r="D77" s="406">
        <v>1246491.52</v>
      </c>
      <c r="E77" s="406">
        <v>19349392.16</v>
      </c>
      <c r="F77" s="572">
        <v>1.6859108527785323</v>
      </c>
      <c r="G77" s="406">
        <v>1564607.8399999999</v>
      </c>
      <c r="H77" s="406">
        <v>4401740.38</v>
      </c>
      <c r="I77" s="406">
        <v>17131558.579999998</v>
      </c>
      <c r="J77" s="572">
        <v>1.7142318897226303</v>
      </c>
      <c r="K77" s="529">
        <v>3782441.4200000018</v>
      </c>
      <c r="L77" s="325"/>
    </row>
    <row r="78" spans="1:12" ht="10.5" x14ac:dyDescent="0.2">
      <c r="A78" s="186" t="s">
        <v>651</v>
      </c>
      <c r="B78" s="408">
        <v>8227000</v>
      </c>
      <c r="C78" s="408">
        <v>20914000</v>
      </c>
      <c r="D78" s="408">
        <v>1246491.52</v>
      </c>
      <c r="E78" s="408">
        <v>19349392.16</v>
      </c>
      <c r="F78" s="573">
        <v>1.6859108527785323</v>
      </c>
      <c r="G78" s="408">
        <v>1564607.8399999999</v>
      </c>
      <c r="H78" s="408">
        <v>4401740.38</v>
      </c>
      <c r="I78" s="408">
        <v>17131558.579999998</v>
      </c>
      <c r="J78" s="573">
        <v>1.7142318897226303</v>
      </c>
      <c r="K78" s="465">
        <v>3782441.4200000018</v>
      </c>
      <c r="L78" s="443"/>
    </row>
    <row r="79" spans="1:12" s="273" customFormat="1" ht="12" customHeight="1" x14ac:dyDescent="0.2">
      <c r="A79" s="463" t="s">
        <v>707</v>
      </c>
      <c r="B79" s="408">
        <v>0</v>
      </c>
      <c r="C79" s="408">
        <v>0</v>
      </c>
      <c r="D79" s="408">
        <v>0</v>
      </c>
      <c r="E79" s="408">
        <v>0</v>
      </c>
      <c r="F79" s="464">
        <v>0</v>
      </c>
      <c r="G79" s="408">
        <v>0</v>
      </c>
      <c r="H79" s="408">
        <v>0</v>
      </c>
      <c r="I79" s="408">
        <v>0</v>
      </c>
      <c r="J79" s="573">
        <v>0</v>
      </c>
      <c r="K79" s="465">
        <v>0</v>
      </c>
      <c r="L79" s="443"/>
    </row>
    <row r="80" spans="1:12" ht="10.5" x14ac:dyDescent="0.2">
      <c r="A80" s="186"/>
      <c r="B80" s="408"/>
      <c r="C80" s="408"/>
      <c r="D80" s="408"/>
      <c r="E80" s="408"/>
      <c r="F80" s="465"/>
      <c r="G80" s="408"/>
      <c r="H80" s="408"/>
      <c r="I80" s="408"/>
      <c r="J80" s="465"/>
      <c r="K80" s="443"/>
      <c r="L80" s="443"/>
    </row>
    <row r="81" spans="1:12" s="68" customFormat="1" ht="10.5" x14ac:dyDescent="0.2">
      <c r="A81" s="140" t="s">
        <v>714</v>
      </c>
      <c r="B81" s="406">
        <v>1704600</v>
      </c>
      <c r="C81" s="406">
        <v>2290786.6</v>
      </c>
      <c r="D81" s="406">
        <v>140402</v>
      </c>
      <c r="E81" s="406">
        <v>2073802.13</v>
      </c>
      <c r="F81" s="572">
        <v>0.18069019887404239</v>
      </c>
      <c r="G81" s="406">
        <v>216984.4700000002</v>
      </c>
      <c r="H81" s="406">
        <v>330324.81</v>
      </c>
      <c r="I81" s="406">
        <v>1245379.6800000002</v>
      </c>
      <c r="J81" s="572">
        <v>0.12461619019070974</v>
      </c>
      <c r="K81" s="529">
        <v>1045406.92</v>
      </c>
      <c r="L81" s="325"/>
    </row>
    <row r="82" spans="1:12" ht="10.5" x14ac:dyDescent="0.2">
      <c r="A82" s="186" t="s">
        <v>713</v>
      </c>
      <c r="B82" s="408">
        <v>924000</v>
      </c>
      <c r="C82" s="408">
        <v>1184000</v>
      </c>
      <c r="D82" s="408">
        <v>70000</v>
      </c>
      <c r="E82" s="408">
        <v>1005866.98</v>
      </c>
      <c r="F82" s="573">
        <v>8.7641102315307404E-2</v>
      </c>
      <c r="G82" s="408">
        <v>178133.02000000002</v>
      </c>
      <c r="H82" s="408">
        <v>175605.32</v>
      </c>
      <c r="I82" s="408">
        <v>681764.64</v>
      </c>
      <c r="J82" s="573">
        <v>6.8219285578467709E-2</v>
      </c>
      <c r="K82" s="465">
        <v>502235.36</v>
      </c>
      <c r="L82" s="443"/>
    </row>
    <row r="83" spans="1:12" ht="10.5" x14ac:dyDescent="0.2">
      <c r="A83" s="186" t="s">
        <v>715</v>
      </c>
      <c r="B83" s="408">
        <v>776600</v>
      </c>
      <c r="C83" s="408">
        <v>1106786.6000000001</v>
      </c>
      <c r="D83" s="408">
        <v>70402</v>
      </c>
      <c r="E83" s="408">
        <v>1067935.1499999999</v>
      </c>
      <c r="F83" s="573">
        <v>9.3049096558734987E-2</v>
      </c>
      <c r="G83" s="408">
        <v>38851.450000000186</v>
      </c>
      <c r="H83" s="408">
        <v>154719.49</v>
      </c>
      <c r="I83" s="408">
        <v>563615.04</v>
      </c>
      <c r="J83" s="573">
        <v>5.6396904612241998E-2</v>
      </c>
      <c r="K83" s="465">
        <v>543171.56000000006</v>
      </c>
      <c r="L83" s="443"/>
    </row>
    <row r="84" spans="1:12" ht="10.5" x14ac:dyDescent="0.2">
      <c r="A84" s="186" t="s">
        <v>716</v>
      </c>
      <c r="B84" s="408">
        <v>4000</v>
      </c>
      <c r="C84" s="408">
        <v>0</v>
      </c>
      <c r="D84" s="408">
        <v>0</v>
      </c>
      <c r="E84" s="408">
        <v>0</v>
      </c>
      <c r="F84" s="573">
        <v>0</v>
      </c>
      <c r="G84" s="408">
        <v>0</v>
      </c>
      <c r="H84" s="408">
        <v>0</v>
      </c>
      <c r="I84" s="408">
        <v>0</v>
      </c>
      <c r="J84" s="573">
        <v>0</v>
      </c>
      <c r="K84" s="465">
        <v>0</v>
      </c>
      <c r="L84" s="443"/>
    </row>
    <row r="85" spans="1:12" ht="10.5" x14ac:dyDescent="0.2">
      <c r="A85" s="186"/>
      <c r="B85" s="408"/>
      <c r="C85" s="408"/>
      <c r="D85" s="408"/>
      <c r="E85" s="408"/>
      <c r="F85" s="465"/>
      <c r="G85" s="408"/>
      <c r="H85" s="408"/>
      <c r="I85" s="408"/>
      <c r="J85" s="465"/>
      <c r="K85" s="443"/>
      <c r="L85" s="443"/>
    </row>
    <row r="86" spans="1:12" s="68" customFormat="1" ht="10.5" x14ac:dyDescent="0.2">
      <c r="A86" s="140" t="s">
        <v>763</v>
      </c>
      <c r="B86" s="406">
        <v>579600</v>
      </c>
      <c r="C86" s="406">
        <v>579600</v>
      </c>
      <c r="D86" s="406">
        <v>78678.62</v>
      </c>
      <c r="E86" s="406">
        <v>303860.84999999998</v>
      </c>
      <c r="F86" s="572">
        <v>2.6475369381810578E-2</v>
      </c>
      <c r="G86" s="406">
        <v>275739.15000000002</v>
      </c>
      <c r="H86" s="406">
        <v>75575.399999999994</v>
      </c>
      <c r="I86" s="406">
        <v>299062.3</v>
      </c>
      <c r="J86" s="572">
        <v>2.9925014077370429E-2</v>
      </c>
      <c r="K86" s="529">
        <v>280537.7</v>
      </c>
      <c r="L86" s="325"/>
    </row>
    <row r="87" spans="1:12" ht="10.5" x14ac:dyDescent="0.2">
      <c r="A87" s="186" t="s">
        <v>713</v>
      </c>
      <c r="B87" s="408">
        <v>579600</v>
      </c>
      <c r="C87" s="408">
        <v>579600</v>
      </c>
      <c r="D87" s="408">
        <v>78678.62</v>
      </c>
      <c r="E87" s="408">
        <v>303860.84999999998</v>
      </c>
      <c r="F87" s="573">
        <v>2.6475369381810578E-2</v>
      </c>
      <c r="G87" s="408">
        <v>275739.15000000002</v>
      </c>
      <c r="H87" s="408">
        <v>75575.399999999994</v>
      </c>
      <c r="I87" s="408">
        <v>299062.3</v>
      </c>
      <c r="J87" s="573">
        <v>2.9925014077370429E-2</v>
      </c>
      <c r="K87" s="465">
        <v>280537.7</v>
      </c>
      <c r="L87" s="443"/>
    </row>
    <row r="88" spans="1:12" ht="10.5" x14ac:dyDescent="0.2">
      <c r="A88" s="186"/>
      <c r="B88" s="408"/>
      <c r="C88" s="408"/>
      <c r="D88" s="408"/>
      <c r="E88" s="408"/>
      <c r="F88" s="465"/>
      <c r="G88" s="408"/>
      <c r="H88" s="408"/>
      <c r="I88" s="408"/>
      <c r="J88" s="465"/>
      <c r="K88" s="443"/>
      <c r="L88" s="443"/>
    </row>
    <row r="89" spans="1:12" s="68" customFormat="1" ht="10.5" x14ac:dyDescent="0.2">
      <c r="A89" s="140" t="s">
        <v>720</v>
      </c>
      <c r="B89" s="406">
        <v>15101300</v>
      </c>
      <c r="C89" s="406">
        <v>32820300</v>
      </c>
      <c r="D89" s="406">
        <v>274814.7</v>
      </c>
      <c r="E89" s="406">
        <v>32715583.829999998</v>
      </c>
      <c r="F89" s="572">
        <v>2.8505059682444753</v>
      </c>
      <c r="G89" s="406">
        <v>104716.17000000179</v>
      </c>
      <c r="H89" s="406">
        <v>5189516.1100000003</v>
      </c>
      <c r="I89" s="406">
        <v>20105459.399999999</v>
      </c>
      <c r="J89" s="572">
        <v>2.0118087621776457</v>
      </c>
      <c r="K89" s="529">
        <v>12714840.600000001</v>
      </c>
      <c r="L89" s="325"/>
    </row>
    <row r="90" spans="1:12" ht="10.5" x14ac:dyDescent="0.2">
      <c r="A90" s="186" t="s">
        <v>651</v>
      </c>
      <c r="B90" s="408">
        <v>15101300</v>
      </c>
      <c r="C90" s="408">
        <v>32820300</v>
      </c>
      <c r="D90" s="408">
        <v>274814.7</v>
      </c>
      <c r="E90" s="408">
        <v>32715583.829999998</v>
      </c>
      <c r="F90" s="573">
        <v>2.8505059682444753</v>
      </c>
      <c r="G90" s="408">
        <v>104716.17000000179</v>
      </c>
      <c r="H90" s="408">
        <v>5189516.1100000003</v>
      </c>
      <c r="I90" s="408">
        <v>20105459.399999999</v>
      </c>
      <c r="J90" s="573">
        <v>2.0118087621776457</v>
      </c>
      <c r="K90" s="465">
        <v>12714840.600000001</v>
      </c>
      <c r="L90" s="443"/>
    </row>
    <row r="91" spans="1:12" s="184" customFormat="1" ht="10.5" x14ac:dyDescent="0.2">
      <c r="A91" s="186"/>
      <c r="B91" s="408"/>
      <c r="C91" s="408"/>
      <c r="D91" s="408"/>
      <c r="E91" s="408"/>
      <c r="F91" s="465"/>
      <c r="G91" s="408"/>
      <c r="H91" s="408"/>
      <c r="I91" s="408"/>
      <c r="J91" s="465"/>
      <c r="K91" s="443"/>
      <c r="L91" s="443"/>
    </row>
    <row r="92" spans="1:12" s="68" customFormat="1" ht="10.5" x14ac:dyDescent="0.2">
      <c r="A92" s="140" t="s">
        <v>725</v>
      </c>
      <c r="B92" s="406">
        <v>68000</v>
      </c>
      <c r="C92" s="406">
        <v>152000</v>
      </c>
      <c r="D92" s="406">
        <v>38594</v>
      </c>
      <c r="E92" s="406">
        <v>111998.84</v>
      </c>
      <c r="F92" s="572">
        <v>9.75844916952711E-3</v>
      </c>
      <c r="G92" s="406">
        <v>40001.160000000003</v>
      </c>
      <c r="H92" s="406">
        <v>33080.18</v>
      </c>
      <c r="I92" s="406">
        <v>85452.97</v>
      </c>
      <c r="J92" s="572">
        <v>8.5506642937043988E-3</v>
      </c>
      <c r="K92" s="529">
        <v>66547.03</v>
      </c>
      <c r="L92" s="325"/>
    </row>
    <row r="93" spans="1:12" ht="10.5" x14ac:dyDescent="0.2">
      <c r="A93" s="186" t="s">
        <v>726</v>
      </c>
      <c r="B93" s="408">
        <v>40000</v>
      </c>
      <c r="C93" s="408">
        <v>40000</v>
      </c>
      <c r="D93" s="408">
        <v>0</v>
      </c>
      <c r="E93" s="408">
        <v>0</v>
      </c>
      <c r="F93" s="573">
        <v>0</v>
      </c>
      <c r="G93" s="408">
        <v>40000</v>
      </c>
      <c r="H93" s="408">
        <v>0</v>
      </c>
      <c r="I93" s="408">
        <v>0</v>
      </c>
      <c r="J93" s="573">
        <v>0</v>
      </c>
      <c r="K93" s="465">
        <v>40000</v>
      </c>
      <c r="L93" s="443"/>
    </row>
    <row r="94" spans="1:12" ht="10.5" x14ac:dyDescent="0.2">
      <c r="A94" s="186" t="s">
        <v>727</v>
      </c>
      <c r="B94" s="408">
        <v>28000</v>
      </c>
      <c r="C94" s="408">
        <v>112000</v>
      </c>
      <c r="D94" s="408">
        <v>38594</v>
      </c>
      <c r="E94" s="408">
        <v>111998.84</v>
      </c>
      <c r="F94" s="573">
        <v>9.75844916952711E-3</v>
      </c>
      <c r="G94" s="408">
        <v>1.1600000000034925</v>
      </c>
      <c r="H94" s="408">
        <v>33080.18</v>
      </c>
      <c r="I94" s="408">
        <v>85452.97</v>
      </c>
      <c r="J94" s="573">
        <v>8.5506642937043988E-3</v>
      </c>
      <c r="K94" s="465">
        <v>26547.03</v>
      </c>
      <c r="L94" s="443"/>
    </row>
    <row r="95" spans="1:12" ht="10.5" x14ac:dyDescent="0.2">
      <c r="A95" s="186"/>
      <c r="B95" s="408"/>
      <c r="C95" s="408"/>
      <c r="D95" s="408"/>
      <c r="E95" s="408"/>
      <c r="F95" s="465"/>
      <c r="G95" s="408"/>
      <c r="H95" s="408"/>
      <c r="I95" s="408"/>
      <c r="J95" s="465"/>
      <c r="K95" s="443"/>
      <c r="L95" s="443"/>
    </row>
    <row r="96" spans="1:12" s="68" customFormat="1" ht="10.5" x14ac:dyDescent="0.2">
      <c r="A96" s="140" t="s">
        <v>728</v>
      </c>
      <c r="B96" s="406">
        <v>98060000</v>
      </c>
      <c r="C96" s="406">
        <v>55473000</v>
      </c>
      <c r="D96" s="406">
        <v>37500000</v>
      </c>
      <c r="E96" s="406">
        <v>50902607.640000001</v>
      </c>
      <c r="F96" s="572">
        <v>4.4351397679772617</v>
      </c>
      <c r="G96" s="406">
        <v>4570392.3599999994</v>
      </c>
      <c r="H96" s="406">
        <v>2264156.89</v>
      </c>
      <c r="I96" s="406">
        <v>8944783.9399999995</v>
      </c>
      <c r="J96" s="572">
        <v>0.89504021511082121</v>
      </c>
      <c r="K96" s="529">
        <v>46528216.060000002</v>
      </c>
      <c r="L96" s="325"/>
    </row>
    <row r="97" spans="1:12" ht="10.5" x14ac:dyDescent="0.2">
      <c r="A97" s="186" t="s">
        <v>731</v>
      </c>
      <c r="B97" s="408">
        <v>98060000</v>
      </c>
      <c r="C97" s="408">
        <v>55473000</v>
      </c>
      <c r="D97" s="408">
        <v>37500000</v>
      </c>
      <c r="E97" s="408">
        <v>50902607.640000001</v>
      </c>
      <c r="F97" s="573">
        <v>4.4351397679772617</v>
      </c>
      <c r="G97" s="408">
        <v>4570392.3599999994</v>
      </c>
      <c r="H97" s="408">
        <v>2264156.89</v>
      </c>
      <c r="I97" s="408">
        <v>8944783.9399999995</v>
      </c>
      <c r="J97" s="573">
        <v>0.89504021511082121</v>
      </c>
      <c r="K97" s="465">
        <v>46528216.060000002</v>
      </c>
      <c r="L97" s="443"/>
    </row>
    <row r="98" spans="1:12" ht="15" customHeight="1" x14ac:dyDescent="0.2">
      <c r="A98" s="142" t="s">
        <v>737</v>
      </c>
      <c r="B98" s="342">
        <v>931270300</v>
      </c>
      <c r="C98" s="342">
        <v>1233533819.8099999</v>
      </c>
      <c r="D98" s="342">
        <v>248200530.22999996</v>
      </c>
      <c r="E98" s="342">
        <v>1147711465.77</v>
      </c>
      <c r="F98" s="574">
        <v>100</v>
      </c>
      <c r="G98" s="342">
        <v>85822354.040000066</v>
      </c>
      <c r="H98" s="342">
        <v>264997108.12</v>
      </c>
      <c r="I98" s="342">
        <v>999372295.12</v>
      </c>
      <c r="J98" s="574">
        <v>100</v>
      </c>
      <c r="K98" s="571">
        <v>234161524.69000003</v>
      </c>
      <c r="L98" s="229"/>
    </row>
    <row r="99" spans="1:12" ht="10.5" x14ac:dyDescent="0.2">
      <c r="A99" s="46" t="s">
        <v>875</v>
      </c>
      <c r="L99" s="302"/>
    </row>
    <row r="100" spans="1:12" ht="10.5" x14ac:dyDescent="0.2">
      <c r="A100" s="199"/>
    </row>
    <row r="101" spans="1:12" ht="10.5" x14ac:dyDescent="0.2">
      <c r="A101" s="180"/>
      <c r="B101" s="440"/>
      <c r="C101" s="440"/>
      <c r="D101" s="440"/>
      <c r="E101" s="440"/>
      <c r="H101" s="440"/>
      <c r="I101" s="440"/>
    </row>
    <row r="102" spans="1:12" s="273" customFormat="1" ht="10.5" x14ac:dyDescent="0.2">
      <c r="A102" s="370"/>
      <c r="B102" s="440"/>
      <c r="C102" s="440"/>
      <c r="D102" s="440"/>
      <c r="E102" s="440"/>
      <c r="F102" s="46"/>
      <c r="G102" s="46"/>
      <c r="H102" s="440"/>
      <c r="I102" s="440"/>
      <c r="J102" s="46"/>
      <c r="K102" s="46"/>
      <c r="L102" s="46"/>
    </row>
    <row r="103" spans="1:12" s="273" customFormat="1" ht="10.5" x14ac:dyDescent="0.2">
      <c r="A103" s="370"/>
      <c r="B103" s="46"/>
      <c r="C103" s="46"/>
      <c r="D103" s="46"/>
      <c r="E103" s="46"/>
      <c r="F103" s="46"/>
      <c r="G103" s="46"/>
      <c r="H103" s="46"/>
      <c r="I103" s="46"/>
      <c r="J103" s="46"/>
      <c r="K103" s="46"/>
      <c r="L103" s="46"/>
    </row>
    <row r="104" spans="1:12" s="273" customFormat="1" ht="10.5" x14ac:dyDescent="0.2">
      <c r="A104" s="370"/>
      <c r="B104" s="46"/>
      <c r="C104" s="46"/>
      <c r="D104" s="46"/>
      <c r="E104" s="46"/>
      <c r="F104" s="46"/>
      <c r="G104" s="46"/>
      <c r="H104" s="46"/>
      <c r="I104" s="46"/>
      <c r="J104" s="46"/>
      <c r="K104" s="46"/>
      <c r="L104" s="46"/>
    </row>
    <row r="105" spans="1:12" ht="10.5" x14ac:dyDescent="0.2"/>
    <row r="106" spans="1:12" ht="10.5" x14ac:dyDescent="0.2"/>
    <row r="107" spans="1:12" ht="10.5" x14ac:dyDescent="0.2"/>
    <row r="108" spans="1:12" s="46" customFormat="1" ht="11.25" customHeight="1" x14ac:dyDescent="0.2"/>
    <row r="109" spans="1:12" s="46" customFormat="1" ht="11.25" customHeight="1" x14ac:dyDescent="0.2"/>
    <row r="110" spans="1:12" s="46" customFormat="1" ht="11.25" customHeight="1" x14ac:dyDescent="0.2"/>
    <row r="111" spans="1:12" s="46" customFormat="1" ht="11.25" customHeight="1" x14ac:dyDescent="0.2"/>
    <row r="112" spans="1:12" s="46" customFormat="1" ht="11.25" customHeight="1" x14ac:dyDescent="0.2"/>
    <row r="113" s="46" customFormat="1" ht="11.25" customHeight="1" x14ac:dyDescent="0.2"/>
    <row r="114" s="46" customFormat="1" ht="11.25" customHeight="1"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row r="167" ht="10.5" x14ac:dyDescent="0.2"/>
  </sheetData>
  <customSheetViews>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45" orientation="portrait" r:id="rId1"/>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2"/>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82EDB5A4-4824-4632-A540-7A52C92F04C7}" showPageBreaks="1" showGridLines="0" fitToPage="1" topLeftCell="A10">
      <pane xSplit="1" ySplit="3" topLeftCell="B88" activePane="bottomRight" state="frozen"/>
      <selection pane="bottomRight" activeCell="H101" sqref="H101:I102"/>
      <pageMargins left="0.19685039370078741" right="0.19685039370078741" top="0.59055118110236227" bottom="0.19685039370078741" header="0" footer="0"/>
      <printOptions horizontalCentered="1"/>
      <pageSetup paperSize="9" scale="45" orientation="portrait" r:id="rId3"/>
    </customSheetView>
    <customSheetView guid="{C779D862-DE28-46CD-A428-4AAA1056D1E1}" showPageBreaks="1" showGridLines="0" fitToPage="1" printArea="1">
      <selection activeCell="E26" sqref="E26:G26"/>
      <pageMargins left="0.19685039370078741" right="0.19685039370078741" top="0.59055118110236227" bottom="0.19685039370078741" header="0" footer="0"/>
      <printOptions horizontalCentered="1"/>
      <pageSetup paperSize="9" scale="44" orientation="portrait" r:id="rId4"/>
    </customSheetView>
    <customSheetView guid="{25EF1E0D-169B-4051-B414-7E1196FC05E4}" showPageBreaks="1" showGridLines="0" fitToPage="1" printArea="1" topLeftCell="B1">
      <selection activeCell="E26" sqref="E26:G26"/>
      <pageMargins left="0.19685039370078741" right="0.19685039370078741" top="0.59055118110236227" bottom="0.19685039370078741" header="0" footer="0"/>
      <printOptions horizontalCentered="1"/>
      <pageSetup paperSize="9" scale="44" orientation="portrait" r:id="rId5"/>
    </customSheetView>
    <customSheetView guid="{3AAF6A5F-F9AA-430B-9AD9-1261ECDF41B5}" showPageBreaks="1" showGridLines="0" fitToPage="1" topLeftCell="A10">
      <pane xSplit="1" ySplit="3" topLeftCell="B88" activePane="bottomRight" state="frozen"/>
      <selection pane="bottomRight" activeCell="H101" sqref="H101:I102"/>
      <pageMargins left="0.19685039370078741" right="0.19685039370078741" top="0.59055118110236227" bottom="0.19685039370078741" header="0" footer="0"/>
      <printOptions horizontalCentered="1"/>
      <pageSetup paperSize="9" scale="44" orientation="portrait" r:id="rId6"/>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4" orientation="portrait" r:id="rId7"/>
  <drawing r:id="rId8"/>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tabColor rgb="FF92D050"/>
    <pageSetUpPr fitToPage="1"/>
  </sheetPr>
  <dimension ref="A1:P88"/>
  <sheetViews>
    <sheetView showGridLines="0" zoomScaleNormal="100" workbookViewId="0"/>
  </sheetViews>
  <sheetFormatPr defaultColWidth="4.140625" defaultRowHeight="11.25" customHeight="1" x14ac:dyDescent="0.2"/>
  <cols>
    <col min="1" max="1" width="45.140625" style="273" customWidth="1"/>
    <col min="2" max="2" width="17.28515625" style="309" customWidth="1"/>
    <col min="3" max="3" width="19" style="309" customWidth="1"/>
    <col min="4" max="4" width="19" style="309" bestFit="1" customWidth="1"/>
    <col min="5" max="5" width="19.7109375" style="309" customWidth="1"/>
    <col min="6" max="6" width="19" style="309" bestFit="1" customWidth="1"/>
    <col min="7" max="7" width="20.140625" style="310" bestFit="1" customWidth="1"/>
    <col min="8" max="8" width="19" style="309" customWidth="1"/>
    <col min="9" max="9" width="4.140625" style="214"/>
    <col min="10" max="12" width="4.140625" style="273"/>
    <col min="13" max="13" width="5.140625" style="273" customWidth="1"/>
    <col min="14" max="14" width="4.140625" style="273"/>
    <col min="15" max="15" width="19" style="273" bestFit="1" customWidth="1"/>
    <col min="16" max="16" width="10.28515625" style="273" customWidth="1"/>
    <col min="17" max="16384" width="4.140625" style="273"/>
  </cols>
  <sheetData>
    <row r="1" spans="1:9" s="23" customFormat="1" ht="11.25" customHeight="1" x14ac:dyDescent="0.2">
      <c r="A1" s="300"/>
      <c r="B1" s="309"/>
      <c r="C1" s="309"/>
      <c r="D1" s="309"/>
      <c r="E1" s="309"/>
      <c r="F1" s="309"/>
      <c r="G1" s="310"/>
      <c r="H1" s="310"/>
      <c r="I1" s="111"/>
    </row>
    <row r="2" spans="1:9" s="47" customFormat="1" ht="11.25" customHeight="1" x14ac:dyDescent="0.2">
      <c r="A2" s="450"/>
      <c r="B2" s="399"/>
      <c r="C2" s="399"/>
      <c r="D2" s="399"/>
      <c r="E2" s="399"/>
      <c r="F2" s="399"/>
      <c r="G2" s="449"/>
      <c r="H2" s="449"/>
      <c r="I2" s="28"/>
    </row>
    <row r="3" spans="1:9" s="254" customFormat="1" ht="11.25" customHeight="1" x14ac:dyDescent="0.2">
      <c r="A3" s="681" t="s">
        <v>641</v>
      </c>
      <c r="B3" s="681"/>
      <c r="C3" s="681"/>
      <c r="D3" s="681"/>
      <c r="E3" s="681"/>
      <c r="F3" s="681"/>
      <c r="G3" s="681"/>
      <c r="H3" s="681"/>
      <c r="I3" s="462"/>
    </row>
    <row r="4" spans="1:9" s="254" customFormat="1" ht="11.25" customHeight="1" x14ac:dyDescent="0.2">
      <c r="A4" s="681" t="s">
        <v>105</v>
      </c>
      <c r="B4" s="681"/>
      <c r="C4" s="681"/>
      <c r="D4" s="681"/>
      <c r="E4" s="681"/>
      <c r="F4" s="681"/>
      <c r="G4" s="681"/>
      <c r="H4" s="681"/>
      <c r="I4" s="462"/>
    </row>
    <row r="5" spans="1:9" s="254" customFormat="1" ht="11.25" customHeight="1" x14ac:dyDescent="0.2">
      <c r="A5" s="681" t="s">
        <v>171</v>
      </c>
      <c r="B5" s="681"/>
      <c r="C5" s="681"/>
      <c r="D5" s="681"/>
      <c r="E5" s="681"/>
      <c r="F5" s="681"/>
      <c r="G5" s="681"/>
      <c r="H5" s="681"/>
      <c r="I5" s="462"/>
    </row>
    <row r="6" spans="1:9" s="254" customFormat="1" ht="11.25" customHeight="1" x14ac:dyDescent="0.2">
      <c r="A6" s="681" t="s">
        <v>107</v>
      </c>
      <c r="B6" s="681"/>
      <c r="C6" s="681"/>
      <c r="D6" s="681"/>
      <c r="E6" s="681"/>
      <c r="F6" s="681"/>
      <c r="G6" s="681"/>
      <c r="H6" s="681"/>
      <c r="I6" s="462"/>
    </row>
    <row r="7" spans="1:9" s="254" customFormat="1" ht="11.25" customHeight="1" x14ac:dyDescent="0.2">
      <c r="A7" s="728" t="s">
        <v>880</v>
      </c>
      <c r="B7" s="728"/>
      <c r="C7" s="728"/>
      <c r="D7" s="728"/>
      <c r="E7" s="728"/>
      <c r="F7" s="728"/>
      <c r="G7" s="728"/>
      <c r="H7" s="728"/>
      <c r="I7" s="462"/>
    </row>
    <row r="8" spans="1:9" s="23" customFormat="1" ht="11.25" customHeight="1" x14ac:dyDescent="0.2">
      <c r="A8" s="47"/>
      <c r="B8" s="399"/>
      <c r="C8" s="399"/>
      <c r="D8" s="399"/>
      <c r="E8" s="399"/>
      <c r="F8" s="399"/>
      <c r="G8" s="399"/>
      <c r="H8" s="449"/>
      <c r="I8" s="111"/>
    </row>
    <row r="9" spans="1:9" s="23" customFormat="1" ht="11.25" customHeight="1" x14ac:dyDescent="0.2">
      <c r="A9" s="23" t="s">
        <v>365</v>
      </c>
      <c r="B9" s="309"/>
      <c r="C9" s="309"/>
      <c r="D9" s="309"/>
      <c r="E9" s="309"/>
      <c r="F9" s="309"/>
      <c r="G9" s="317"/>
      <c r="H9" s="454">
        <v>1</v>
      </c>
      <c r="I9" s="111"/>
    </row>
    <row r="10" spans="1:9" ht="11.25" customHeight="1" x14ac:dyDescent="0.2">
      <c r="A10" s="741" t="s">
        <v>173</v>
      </c>
      <c r="B10" s="746" t="s">
        <v>172</v>
      </c>
      <c r="C10" s="747"/>
      <c r="D10" s="747"/>
      <c r="E10" s="747"/>
      <c r="F10" s="747"/>
      <c r="G10" s="747"/>
      <c r="H10" s="747"/>
    </row>
    <row r="11" spans="1:9" ht="11.25" customHeight="1" x14ac:dyDescent="0.2">
      <c r="A11" s="744"/>
      <c r="B11" s="749"/>
      <c r="C11" s="750"/>
      <c r="D11" s="750"/>
      <c r="E11" s="750"/>
      <c r="F11" s="750"/>
      <c r="G11" s="750"/>
      <c r="H11" s="750"/>
    </row>
    <row r="12" spans="1:9" ht="15" customHeight="1" x14ac:dyDescent="0.2">
      <c r="A12" s="745"/>
      <c r="B12" s="473" t="s">
        <v>873</v>
      </c>
      <c r="C12" s="319" t="s">
        <v>874</v>
      </c>
      <c r="D12" s="472" t="s">
        <v>740</v>
      </c>
      <c r="E12" s="319" t="s">
        <v>741</v>
      </c>
      <c r="F12" s="472" t="s">
        <v>742</v>
      </c>
      <c r="G12" s="319" t="s">
        <v>743</v>
      </c>
      <c r="H12" s="474" t="s">
        <v>860</v>
      </c>
    </row>
    <row r="13" spans="1:9" s="68" customFormat="1" ht="10.5" x14ac:dyDescent="0.2">
      <c r="A13" s="126" t="s">
        <v>176</v>
      </c>
      <c r="B13" s="455">
        <v>994232935.98000026</v>
      </c>
      <c r="C13" s="455">
        <v>956570459.6500001</v>
      </c>
      <c r="D13" s="455">
        <v>976776025.08000004</v>
      </c>
      <c r="E13" s="455">
        <v>1201079487.22</v>
      </c>
      <c r="F13" s="455">
        <v>1101788593.7499998</v>
      </c>
      <c r="G13" s="455">
        <v>904433255.06999981</v>
      </c>
      <c r="H13" s="455">
        <v>916049742.93000019</v>
      </c>
      <c r="I13" s="153"/>
    </row>
    <row r="14" spans="1:9" ht="10.5" x14ac:dyDescent="0.2">
      <c r="A14" s="26" t="s">
        <v>177</v>
      </c>
      <c r="B14" s="409">
        <v>659430702.19000018</v>
      </c>
      <c r="C14" s="409">
        <v>647493051.22000003</v>
      </c>
      <c r="D14" s="409">
        <v>668965536.63</v>
      </c>
      <c r="E14" s="456">
        <v>821390933.29000008</v>
      </c>
      <c r="F14" s="409">
        <v>799499913.00999999</v>
      </c>
      <c r="G14" s="409">
        <v>614898556.80999994</v>
      </c>
      <c r="H14" s="409">
        <v>649153840.6700002</v>
      </c>
    </row>
    <row r="15" spans="1:9" ht="10.5" x14ac:dyDescent="0.2">
      <c r="A15" s="26" t="s">
        <v>419</v>
      </c>
      <c r="B15" s="457">
        <v>583110606.36000001</v>
      </c>
      <c r="C15" s="326">
        <v>563162368.09000003</v>
      </c>
      <c r="D15" s="458">
        <v>591782160.12</v>
      </c>
      <c r="E15" s="458">
        <v>644552828.45000005</v>
      </c>
      <c r="F15" s="409">
        <v>587682625.99000001</v>
      </c>
      <c r="G15" s="409">
        <v>523211412.75999999</v>
      </c>
      <c r="H15" s="409">
        <v>547978168.58000004</v>
      </c>
    </row>
    <row r="16" spans="1:9" ht="10.5" x14ac:dyDescent="0.2">
      <c r="A16" s="26" t="s">
        <v>420</v>
      </c>
      <c r="B16" s="456">
        <v>6654875.0700000003</v>
      </c>
      <c r="C16" s="326">
        <v>5748342.3700000001</v>
      </c>
      <c r="D16" s="458">
        <v>4093667.23</v>
      </c>
      <c r="E16" s="458">
        <v>24116335.530000001</v>
      </c>
      <c r="F16" s="409">
        <v>174535106.62</v>
      </c>
      <c r="G16" s="409">
        <v>26373911.09</v>
      </c>
      <c r="H16" s="409">
        <v>26469276.98</v>
      </c>
    </row>
    <row r="17" spans="1:9" ht="10.5" x14ac:dyDescent="0.2">
      <c r="A17" s="26" t="s">
        <v>421</v>
      </c>
      <c r="B17" s="456">
        <v>8677874.8300000001</v>
      </c>
      <c r="C17" s="326">
        <v>9104226.2400000002</v>
      </c>
      <c r="D17" s="458">
        <v>9590093.0399999991</v>
      </c>
      <c r="E17" s="458">
        <v>9291101.3300000001</v>
      </c>
      <c r="F17" s="409">
        <v>6900379.1200000001</v>
      </c>
      <c r="G17" s="409">
        <v>4324192.87</v>
      </c>
      <c r="H17" s="409">
        <v>8103631.8300000001</v>
      </c>
    </row>
    <row r="18" spans="1:9" ht="10.5" x14ac:dyDescent="0.2">
      <c r="A18" s="26" t="s">
        <v>418</v>
      </c>
      <c r="B18" s="456">
        <v>38826055.219999999</v>
      </c>
      <c r="C18" s="326">
        <v>46314571.149999999</v>
      </c>
      <c r="D18" s="458">
        <v>40486661.350000001</v>
      </c>
      <c r="E18" s="458">
        <v>115181364.06999999</v>
      </c>
      <c r="F18" s="409">
        <v>16444108.98</v>
      </c>
      <c r="G18" s="409">
        <v>42865748.549999997</v>
      </c>
      <c r="H18" s="409">
        <v>45927108.090000004</v>
      </c>
    </row>
    <row r="19" spans="1:9" ht="10.5" x14ac:dyDescent="0.2">
      <c r="A19" s="26" t="s">
        <v>422</v>
      </c>
      <c r="B19" s="456">
        <v>22161290.710000001</v>
      </c>
      <c r="C19" s="326">
        <v>23163543.370000001</v>
      </c>
      <c r="D19" s="458">
        <v>23012954.890000001</v>
      </c>
      <c r="E19" s="458">
        <v>28249303.91</v>
      </c>
      <c r="F19" s="409">
        <v>13937692.300000001</v>
      </c>
      <c r="G19" s="409">
        <v>18123291.539999999</v>
      </c>
      <c r="H19" s="409">
        <v>20675655.190000001</v>
      </c>
    </row>
    <row r="20" spans="1:9" ht="10.5" x14ac:dyDescent="0.2">
      <c r="A20" s="26" t="s">
        <v>178</v>
      </c>
      <c r="B20" s="456">
        <v>25857545.280000001</v>
      </c>
      <c r="C20" s="326">
        <v>34439551.350000001</v>
      </c>
      <c r="D20" s="458">
        <v>28319763.510000002</v>
      </c>
      <c r="E20" s="458">
        <v>55144049.049999997</v>
      </c>
      <c r="F20" s="409">
        <v>12848164.560000001</v>
      </c>
      <c r="G20" s="409">
        <v>16900171.550000001</v>
      </c>
      <c r="H20" s="409">
        <v>18821320.469999999</v>
      </c>
    </row>
    <row r="21" spans="1:9" ht="10.5" x14ac:dyDescent="0.2">
      <c r="A21" s="26" t="s">
        <v>179</v>
      </c>
      <c r="B21" s="456">
        <v>22675316.57</v>
      </c>
      <c r="C21" s="326">
        <v>18178530.419999998</v>
      </c>
      <c r="D21" s="458">
        <v>763264.52</v>
      </c>
      <c r="E21" s="458">
        <v>963986.26</v>
      </c>
      <c r="F21" s="409">
        <v>6723383.3899999997</v>
      </c>
      <c r="G21" s="409">
        <v>6675794.4199999999</v>
      </c>
      <c r="H21" s="409">
        <v>7930773.6200000001</v>
      </c>
    </row>
    <row r="22" spans="1:9" ht="10.5" x14ac:dyDescent="0.2">
      <c r="A22" s="26" t="s">
        <v>180</v>
      </c>
      <c r="B22" s="456">
        <v>0</v>
      </c>
      <c r="C22" s="326">
        <v>0</v>
      </c>
      <c r="D22" s="458">
        <v>0</v>
      </c>
      <c r="E22" s="458">
        <v>0</v>
      </c>
      <c r="F22" s="409">
        <v>0</v>
      </c>
      <c r="G22" s="409"/>
      <c r="H22" s="409">
        <v>0</v>
      </c>
    </row>
    <row r="23" spans="1:9" ht="10.5" x14ac:dyDescent="0.2">
      <c r="A23" s="26" t="s">
        <v>181</v>
      </c>
      <c r="B23" s="457">
        <v>0</v>
      </c>
      <c r="C23" s="326">
        <v>0</v>
      </c>
      <c r="D23" s="458">
        <v>0</v>
      </c>
      <c r="E23" s="458">
        <v>0</v>
      </c>
      <c r="F23" s="409">
        <v>0</v>
      </c>
      <c r="G23" s="409"/>
      <c r="H23" s="409">
        <v>0</v>
      </c>
    </row>
    <row r="24" spans="1:9" ht="10.5" x14ac:dyDescent="0.2">
      <c r="A24" s="26" t="s">
        <v>186</v>
      </c>
      <c r="B24" s="456">
        <v>41039468.100000001</v>
      </c>
      <c r="C24" s="326">
        <v>42175749.440000005</v>
      </c>
      <c r="D24" s="458">
        <v>47200659.609999999</v>
      </c>
      <c r="E24" s="458">
        <v>44921170.450000003</v>
      </c>
      <c r="F24" s="409">
        <v>30602025.84</v>
      </c>
      <c r="G24" s="409">
        <v>28882653.66</v>
      </c>
      <c r="H24" s="409">
        <v>38086618.530000001</v>
      </c>
    </row>
    <row r="25" spans="1:9" ht="10.5" x14ac:dyDescent="0.2">
      <c r="A25" s="26" t="s">
        <v>182</v>
      </c>
      <c r="B25" s="409">
        <v>187858057.81</v>
      </c>
      <c r="C25" s="409">
        <v>204732443.35999998</v>
      </c>
      <c r="D25" s="409">
        <v>221099976.99000001</v>
      </c>
      <c r="E25" s="409">
        <v>228080175.49000001</v>
      </c>
      <c r="F25" s="409">
        <v>242400879.34999999</v>
      </c>
      <c r="G25" s="409">
        <v>230447506.27999997</v>
      </c>
      <c r="H25" s="409">
        <v>193144194.88999999</v>
      </c>
    </row>
    <row r="26" spans="1:9" ht="10.5" x14ac:dyDescent="0.2">
      <c r="A26" s="26" t="s">
        <v>423</v>
      </c>
      <c r="B26" s="456">
        <v>67241193.370000005</v>
      </c>
      <c r="C26" s="326">
        <v>63549852.159999996</v>
      </c>
      <c r="D26" s="458">
        <v>84116356.060000002</v>
      </c>
      <c r="E26" s="458">
        <v>92395654.930000007</v>
      </c>
      <c r="F26" s="409">
        <v>103504091.45</v>
      </c>
      <c r="G26" s="409">
        <v>105657624.64</v>
      </c>
      <c r="H26" s="409">
        <v>76956060.219999999</v>
      </c>
    </row>
    <row r="27" spans="1:9" ht="10.5" x14ac:dyDescent="0.2">
      <c r="A27" s="26" t="s">
        <v>424</v>
      </c>
      <c r="B27" s="456">
        <v>1504729.69</v>
      </c>
      <c r="C27" s="326">
        <v>1504729.69</v>
      </c>
      <c r="D27" s="458">
        <v>1504729.69</v>
      </c>
      <c r="E27" s="458">
        <v>3009459.38</v>
      </c>
      <c r="F27" s="409">
        <v>0</v>
      </c>
      <c r="G27" s="409">
        <v>0</v>
      </c>
      <c r="H27" s="409">
        <v>0</v>
      </c>
    </row>
    <row r="28" spans="1:9" ht="10.5" x14ac:dyDescent="0.2">
      <c r="A28" s="26" t="s">
        <v>425</v>
      </c>
      <c r="B28" s="456">
        <v>6974917.2999999998</v>
      </c>
      <c r="C28" s="326">
        <v>7469550.7800000003</v>
      </c>
      <c r="D28" s="458">
        <v>8577270.1899999995</v>
      </c>
      <c r="E28" s="458">
        <v>8463270.4700000007</v>
      </c>
      <c r="F28" s="409">
        <v>11263748.6</v>
      </c>
      <c r="G28" s="409">
        <v>6701026.1299999999</v>
      </c>
      <c r="H28" s="409">
        <v>6573010.79</v>
      </c>
    </row>
    <row r="29" spans="1:9" ht="10.5" x14ac:dyDescent="0.2">
      <c r="A29" s="26" t="s">
        <v>426</v>
      </c>
      <c r="B29" s="456">
        <v>59326326.530000001</v>
      </c>
      <c r="C29" s="326">
        <v>69965907.510000005</v>
      </c>
      <c r="D29" s="458">
        <v>80294032.040000007</v>
      </c>
      <c r="E29" s="458">
        <v>76603694.640000001</v>
      </c>
      <c r="F29" s="409">
        <v>80061435.019999996</v>
      </c>
      <c r="G29" s="409">
        <v>76782173.819999993</v>
      </c>
      <c r="H29" s="409">
        <v>67529021.870000005</v>
      </c>
    </row>
    <row r="30" spans="1:9" ht="10.5" x14ac:dyDescent="0.2">
      <c r="A30" s="26" t="s">
        <v>427</v>
      </c>
      <c r="B30" s="456">
        <v>52810890.920000017</v>
      </c>
      <c r="C30" s="326">
        <v>62242403.219999991</v>
      </c>
      <c r="D30" s="458">
        <v>46607589.009999998</v>
      </c>
      <c r="E30" s="458">
        <v>47608096.07</v>
      </c>
      <c r="F30" s="409">
        <v>47571604.280000001</v>
      </c>
      <c r="G30" s="409">
        <v>41306681.689999998</v>
      </c>
      <c r="H30" s="409">
        <v>42086102.009999998</v>
      </c>
    </row>
    <row r="31" spans="1:9" ht="10.5" x14ac:dyDescent="0.2">
      <c r="A31" s="26" t="s">
        <v>183</v>
      </c>
      <c r="B31" s="456">
        <v>57371846.030000001</v>
      </c>
      <c r="C31" s="326">
        <v>9551133.8599999994</v>
      </c>
      <c r="D31" s="458">
        <v>10426823.82</v>
      </c>
      <c r="E31" s="458">
        <v>50579172.68</v>
      </c>
      <c r="F31" s="409">
        <v>9714227.5999999996</v>
      </c>
      <c r="G31" s="409">
        <v>6628572.3499999996</v>
      </c>
      <c r="H31" s="409">
        <v>8912994.75</v>
      </c>
    </row>
    <row r="32" spans="1:9" s="68" customFormat="1" ht="10.5" x14ac:dyDescent="0.2">
      <c r="A32" s="126" t="s">
        <v>184</v>
      </c>
      <c r="B32" s="407">
        <v>282076821.69</v>
      </c>
      <c r="C32" s="407">
        <v>294790190.5</v>
      </c>
      <c r="D32" s="407">
        <v>298016432.49000001</v>
      </c>
      <c r="E32" s="407">
        <v>351698577.89999998</v>
      </c>
      <c r="F32" s="407">
        <v>385492604.48000002</v>
      </c>
      <c r="G32" s="407">
        <v>273343390.47000003</v>
      </c>
      <c r="H32" s="407">
        <v>277802307.66999996</v>
      </c>
      <c r="I32" s="153"/>
    </row>
    <row r="33" spans="1:16" ht="10.5" x14ac:dyDescent="0.2">
      <c r="A33" s="26" t="s">
        <v>185</v>
      </c>
      <c r="B33" s="456">
        <v>157305519.25</v>
      </c>
      <c r="C33" s="326">
        <v>152051490.19</v>
      </c>
      <c r="D33" s="458">
        <v>158736071.74000001</v>
      </c>
      <c r="E33" s="458">
        <v>173920119.34999999</v>
      </c>
      <c r="F33" s="409">
        <v>243030683.58000001</v>
      </c>
      <c r="G33" s="409">
        <v>151666129.28</v>
      </c>
      <c r="H33" s="409">
        <v>155451890.84999999</v>
      </c>
    </row>
    <row r="34" spans="1:16" ht="10.5" x14ac:dyDescent="0.2">
      <c r="A34" s="26" t="s">
        <v>366</v>
      </c>
      <c r="B34" s="456">
        <v>19117731.43</v>
      </c>
      <c r="C34" s="326">
        <v>41045653.57</v>
      </c>
      <c r="D34" s="458">
        <v>28230336.48</v>
      </c>
      <c r="E34" s="458">
        <v>55032725.600000001</v>
      </c>
      <c r="F34" s="409">
        <v>12593547.49</v>
      </c>
      <c r="G34" s="409">
        <v>16616770.939999999</v>
      </c>
      <c r="H34" s="409">
        <v>18749534.5</v>
      </c>
    </row>
    <row r="35" spans="1:16" ht="10.5" x14ac:dyDescent="0.2">
      <c r="A35" s="26" t="s">
        <v>428</v>
      </c>
      <c r="B35" s="456">
        <v>0</v>
      </c>
      <c r="C35" s="326">
        <v>0</v>
      </c>
      <c r="D35" s="458">
        <v>0</v>
      </c>
      <c r="E35" s="458">
        <v>0</v>
      </c>
      <c r="F35" s="409">
        <v>0</v>
      </c>
      <c r="G35" s="409">
        <v>0</v>
      </c>
      <c r="H35" s="409">
        <v>0</v>
      </c>
    </row>
    <row r="36" spans="1:16" ht="10.5" x14ac:dyDescent="0.2">
      <c r="A36" s="26" t="s">
        <v>223</v>
      </c>
      <c r="B36" s="456">
        <v>368550.14</v>
      </c>
      <c r="C36" s="326">
        <v>0</v>
      </c>
      <c r="D36" s="458">
        <v>764824.62</v>
      </c>
      <c r="E36" s="458">
        <v>742587.35</v>
      </c>
      <c r="F36" s="409">
        <v>0</v>
      </c>
      <c r="G36" s="409">
        <v>459968.06</v>
      </c>
      <c r="H36" s="409">
        <v>0</v>
      </c>
    </row>
    <row r="37" spans="1:16" s="68" customFormat="1" ht="10.5" x14ac:dyDescent="0.2">
      <c r="A37" s="26" t="s">
        <v>226</v>
      </c>
      <c r="B37" s="456">
        <v>105285020.87</v>
      </c>
      <c r="C37" s="326">
        <v>101693046.73999999</v>
      </c>
      <c r="D37" s="458">
        <v>110285199.65000001</v>
      </c>
      <c r="E37" s="458">
        <v>122003145.59999999</v>
      </c>
      <c r="F37" s="409">
        <v>129868373.41</v>
      </c>
      <c r="G37" s="409">
        <v>104600522.19</v>
      </c>
      <c r="H37" s="409">
        <v>103600882.31999999</v>
      </c>
      <c r="I37" s="153"/>
    </row>
    <row r="38" spans="1:16" s="68" customFormat="1" ht="15" customHeight="1" x14ac:dyDescent="0.2">
      <c r="A38" s="24" t="s">
        <v>234</v>
      </c>
      <c r="B38" s="423">
        <v>712156114.2900002</v>
      </c>
      <c r="C38" s="423">
        <v>661780269.1500001</v>
      </c>
      <c r="D38" s="423">
        <v>678759592.59000003</v>
      </c>
      <c r="E38" s="423">
        <v>849380909.32000005</v>
      </c>
      <c r="F38" s="423">
        <v>716295989.26999974</v>
      </c>
      <c r="G38" s="342">
        <v>631089864.59999979</v>
      </c>
      <c r="H38" s="423">
        <v>638247435.26000023</v>
      </c>
      <c r="I38" s="153"/>
    </row>
    <row r="39" spans="1:16" ht="6" customHeight="1" x14ac:dyDescent="0.2">
      <c r="A39" s="453"/>
      <c r="B39" s="453"/>
      <c r="C39" s="453"/>
      <c r="D39" s="453"/>
      <c r="E39" s="453"/>
      <c r="F39" s="453"/>
      <c r="G39" s="453"/>
      <c r="H39" s="453"/>
    </row>
    <row r="40" spans="1:16" s="23" customFormat="1" ht="6" customHeight="1" x14ac:dyDescent="0.2">
      <c r="B40" s="309"/>
      <c r="C40" s="309"/>
      <c r="D40" s="309"/>
      <c r="E40" s="309"/>
      <c r="F40" s="309"/>
      <c r="G40" s="309"/>
      <c r="H40" s="310"/>
      <c r="I40" s="111"/>
    </row>
    <row r="41" spans="1:16" ht="11.25" customHeight="1" x14ac:dyDescent="0.2">
      <c r="A41" s="741" t="s">
        <v>173</v>
      </c>
      <c r="B41" s="746" t="s">
        <v>172</v>
      </c>
      <c r="C41" s="747"/>
      <c r="D41" s="747"/>
      <c r="E41" s="747"/>
      <c r="F41" s="748"/>
      <c r="G41" s="451" t="s">
        <v>170</v>
      </c>
      <c r="H41" s="451" t="s">
        <v>108</v>
      </c>
    </row>
    <row r="42" spans="1:16" ht="11.25" customHeight="1" x14ac:dyDescent="0.2">
      <c r="A42" s="744"/>
      <c r="B42" s="749"/>
      <c r="C42" s="750"/>
      <c r="D42" s="750"/>
      <c r="E42" s="750"/>
      <c r="F42" s="751"/>
      <c r="G42" s="318" t="s">
        <v>174</v>
      </c>
      <c r="H42" s="318" t="s">
        <v>112</v>
      </c>
    </row>
    <row r="43" spans="1:16" ht="15" customHeight="1" x14ac:dyDescent="0.2">
      <c r="A43" s="745"/>
      <c r="B43" s="386" t="s">
        <v>861</v>
      </c>
      <c r="C43" s="386" t="s">
        <v>869</v>
      </c>
      <c r="D43" s="386" t="s">
        <v>870</v>
      </c>
      <c r="E43" s="386" t="s">
        <v>881</v>
      </c>
      <c r="F43" s="386" t="s">
        <v>882</v>
      </c>
      <c r="G43" s="452" t="s">
        <v>175</v>
      </c>
      <c r="H43" s="323">
        <v>2015</v>
      </c>
    </row>
    <row r="44" spans="1:16" s="68" customFormat="1" ht="10.5" x14ac:dyDescent="0.2">
      <c r="A44" s="126" t="s">
        <v>176</v>
      </c>
      <c r="B44" s="455">
        <v>982170421.42999995</v>
      </c>
      <c r="C44" s="407">
        <v>1006060241.4199998</v>
      </c>
      <c r="D44" s="407">
        <v>970564725.50999999</v>
      </c>
      <c r="E44" s="407">
        <v>994884354.13999987</v>
      </c>
      <c r="F44" s="407">
        <v>999252664.14999998</v>
      </c>
      <c r="G44" s="455">
        <v>12003862906.33</v>
      </c>
      <c r="H44" s="459">
        <v>12469124900</v>
      </c>
      <c r="I44" s="153"/>
      <c r="O44" s="202"/>
      <c r="P44" s="202"/>
    </row>
    <row r="45" spans="1:16" ht="10.5" x14ac:dyDescent="0.2">
      <c r="A45" s="26" t="s">
        <v>177</v>
      </c>
      <c r="B45" s="409">
        <v>701632621.8599999</v>
      </c>
      <c r="C45" s="409">
        <v>670608538.11999989</v>
      </c>
      <c r="D45" s="409">
        <v>666858165.99000001</v>
      </c>
      <c r="E45" s="409">
        <v>691351494.65999985</v>
      </c>
      <c r="F45" s="409">
        <v>694161069.98999989</v>
      </c>
      <c r="G45" s="409">
        <v>8285444424.4399996</v>
      </c>
      <c r="H45" s="456">
        <v>8120560200</v>
      </c>
      <c r="O45" s="440"/>
      <c r="P45" s="202"/>
    </row>
    <row r="46" spans="1:16" ht="10.5" x14ac:dyDescent="0.2">
      <c r="A46" s="26" t="s">
        <v>419</v>
      </c>
      <c r="B46" s="409">
        <v>605326293.30999994</v>
      </c>
      <c r="C46" s="409">
        <v>580281807.77999997</v>
      </c>
      <c r="D46" s="409">
        <v>571703195.51999998</v>
      </c>
      <c r="E46" s="409">
        <v>595703094.02999997</v>
      </c>
      <c r="F46" s="409">
        <v>604777681.92999995</v>
      </c>
      <c r="G46" s="409">
        <v>6999272242.9199991</v>
      </c>
      <c r="H46" s="460">
        <v>6742500000</v>
      </c>
      <c r="O46" s="440"/>
      <c r="P46" s="202"/>
    </row>
    <row r="47" spans="1:16" ht="10.5" x14ac:dyDescent="0.2">
      <c r="A47" s="26" t="s">
        <v>420</v>
      </c>
      <c r="B47" s="409">
        <v>23760696.239999998</v>
      </c>
      <c r="C47" s="409">
        <v>21606640.75</v>
      </c>
      <c r="D47" s="409">
        <v>10294532.4</v>
      </c>
      <c r="E47" s="409">
        <v>9813272.5299999993</v>
      </c>
      <c r="F47" s="409">
        <v>8594754.7400000002</v>
      </c>
      <c r="G47" s="409">
        <v>342061411.54999995</v>
      </c>
      <c r="H47" s="460">
        <v>329900000</v>
      </c>
      <c r="O47" s="440"/>
      <c r="P47" s="202"/>
    </row>
    <row r="48" spans="1:16" ht="10.5" x14ac:dyDescent="0.2">
      <c r="A48" s="26" t="s">
        <v>421</v>
      </c>
      <c r="B48" s="409">
        <v>5513013.1600000001</v>
      </c>
      <c r="C48" s="409">
        <v>8315101.7999999998</v>
      </c>
      <c r="D48" s="409">
        <v>10630796.34</v>
      </c>
      <c r="E48" s="409">
        <v>7605769.0199999996</v>
      </c>
      <c r="F48" s="409">
        <v>9732295.1799999997</v>
      </c>
      <c r="G48" s="409">
        <v>97788474.75999999</v>
      </c>
      <c r="H48" s="460">
        <v>105800000</v>
      </c>
      <c r="O48" s="440"/>
      <c r="P48" s="202"/>
    </row>
    <row r="49" spans="1:16" ht="10.5" x14ac:dyDescent="0.2">
      <c r="A49" s="26" t="s">
        <v>418</v>
      </c>
      <c r="B49" s="409">
        <v>49596859.020000003</v>
      </c>
      <c r="C49" s="409">
        <v>41695157.859999999</v>
      </c>
      <c r="D49" s="409">
        <v>45110977.710000001</v>
      </c>
      <c r="E49" s="409">
        <v>47188218.670000002</v>
      </c>
      <c r="F49" s="409">
        <v>45345755.350000001</v>
      </c>
      <c r="G49" s="409">
        <v>574982586.01999998</v>
      </c>
      <c r="H49" s="460">
        <v>510400000</v>
      </c>
      <c r="O49" s="440"/>
      <c r="P49" s="202"/>
    </row>
    <row r="50" spans="1:16" ht="10.5" x14ac:dyDescent="0.2">
      <c r="A50" s="26" t="s">
        <v>422</v>
      </c>
      <c r="B50" s="409">
        <v>17435760.129999999</v>
      </c>
      <c r="C50" s="409">
        <v>18709829.93</v>
      </c>
      <c r="D50" s="409">
        <v>29118664.02</v>
      </c>
      <c r="E50" s="409">
        <v>31041140.409999996</v>
      </c>
      <c r="F50" s="409">
        <v>25710582.789999999</v>
      </c>
      <c r="G50" s="409">
        <v>271339709.19</v>
      </c>
      <c r="H50" s="460">
        <v>431960200</v>
      </c>
      <c r="O50" s="440"/>
      <c r="P50" s="202"/>
    </row>
    <row r="51" spans="1:16" ht="10.5" x14ac:dyDescent="0.2">
      <c r="A51" s="26" t="s">
        <v>178</v>
      </c>
      <c r="B51" s="409">
        <v>11716530.630000001</v>
      </c>
      <c r="C51" s="409">
        <v>42135340.5</v>
      </c>
      <c r="D51" s="409">
        <v>23440094.18</v>
      </c>
      <c r="E51" s="409">
        <v>54833119.640000001</v>
      </c>
      <c r="F51" s="409">
        <v>41271724.530000001</v>
      </c>
      <c r="G51" s="409">
        <v>365727375.25</v>
      </c>
      <c r="H51" s="460">
        <v>388750900</v>
      </c>
      <c r="O51" s="440"/>
      <c r="P51" s="202"/>
    </row>
    <row r="52" spans="1:16" ht="10.5" x14ac:dyDescent="0.2">
      <c r="A52" s="26" t="s">
        <v>179</v>
      </c>
      <c r="B52" s="409">
        <v>8572440.2400000002</v>
      </c>
      <c r="C52" s="409">
        <v>8861258</v>
      </c>
      <c r="D52" s="409">
        <v>8576976.3300000001</v>
      </c>
      <c r="E52" s="409">
        <v>11681962.84</v>
      </c>
      <c r="F52" s="409">
        <v>9987528.1099999994</v>
      </c>
      <c r="G52" s="409">
        <v>111591214.72</v>
      </c>
      <c r="H52" s="460">
        <v>135829800</v>
      </c>
      <c r="O52" s="440"/>
      <c r="P52" s="202"/>
    </row>
    <row r="53" spans="1:16" ht="10.5" x14ac:dyDescent="0.2">
      <c r="A53" s="26" t="s">
        <v>180</v>
      </c>
      <c r="B53" s="409">
        <v>0</v>
      </c>
      <c r="C53" s="409">
        <v>0</v>
      </c>
      <c r="D53" s="409">
        <v>0</v>
      </c>
      <c r="E53" s="409">
        <v>0</v>
      </c>
      <c r="F53" s="409">
        <v>0</v>
      </c>
      <c r="G53" s="409">
        <v>0</v>
      </c>
      <c r="H53" s="456">
        <v>0</v>
      </c>
      <c r="O53" s="440"/>
      <c r="P53" s="202"/>
    </row>
    <row r="54" spans="1:16" ht="10.5" x14ac:dyDescent="0.2">
      <c r="A54" s="26" t="s">
        <v>181</v>
      </c>
      <c r="B54" s="409">
        <v>0</v>
      </c>
      <c r="C54" s="409">
        <v>0</v>
      </c>
      <c r="D54" s="409">
        <v>0</v>
      </c>
      <c r="E54" s="409">
        <v>0</v>
      </c>
      <c r="F54" s="409">
        <v>0</v>
      </c>
      <c r="G54" s="409">
        <v>0</v>
      </c>
      <c r="H54" s="456">
        <v>0</v>
      </c>
      <c r="O54" s="440"/>
      <c r="P54" s="202"/>
    </row>
    <row r="55" spans="1:16" ht="10.5" x14ac:dyDescent="0.2">
      <c r="A55" s="26" t="s">
        <v>186</v>
      </c>
      <c r="B55" s="409">
        <v>44409574.219999999</v>
      </c>
      <c r="C55" s="409">
        <v>44817980.920000002</v>
      </c>
      <c r="D55" s="409">
        <v>44227441.590000004</v>
      </c>
      <c r="E55" s="409">
        <v>31703231.600000001</v>
      </c>
      <c r="F55" s="409">
        <v>38781320.719999999</v>
      </c>
      <c r="G55" s="409">
        <v>476847894.68000007</v>
      </c>
      <c r="H55" s="460">
        <v>447593100</v>
      </c>
      <c r="O55" s="440"/>
      <c r="P55" s="202"/>
    </row>
    <row r="56" spans="1:16" ht="10.5" x14ac:dyDescent="0.2">
      <c r="A56" s="26" t="s">
        <v>182</v>
      </c>
      <c r="B56" s="409">
        <v>207519516.25</v>
      </c>
      <c r="C56" s="409">
        <v>224897826.56999999</v>
      </c>
      <c r="D56" s="409">
        <v>215885692.76999998</v>
      </c>
      <c r="E56" s="409">
        <v>193089249.14999998</v>
      </c>
      <c r="F56" s="409">
        <v>201461174.73000002</v>
      </c>
      <c r="G56" s="409">
        <v>2550616693.6400003</v>
      </c>
      <c r="H56" s="456">
        <v>3212642800</v>
      </c>
      <c r="O56" s="440"/>
      <c r="P56" s="202"/>
    </row>
    <row r="57" spans="1:16" ht="10.5" x14ac:dyDescent="0.2">
      <c r="A57" s="26" t="s">
        <v>423</v>
      </c>
      <c r="B57" s="409">
        <v>83055981.260000005</v>
      </c>
      <c r="C57" s="409">
        <v>102135688.70999999</v>
      </c>
      <c r="D57" s="409">
        <v>88868403.599999994</v>
      </c>
      <c r="E57" s="409">
        <v>65804266.659999996</v>
      </c>
      <c r="F57" s="409">
        <v>76962691.120000005</v>
      </c>
      <c r="G57" s="409">
        <v>1010247864.1799999</v>
      </c>
      <c r="H57" s="460">
        <v>1070500000</v>
      </c>
      <c r="O57" s="440"/>
      <c r="P57" s="202"/>
    </row>
    <row r="58" spans="1:16" ht="10.5" x14ac:dyDescent="0.2">
      <c r="A58" s="26" t="s">
        <v>424</v>
      </c>
      <c r="B58" s="409">
        <v>6018918.75</v>
      </c>
      <c r="C58" s="409">
        <v>1504729.69</v>
      </c>
      <c r="D58" s="409">
        <v>1504729.69</v>
      </c>
      <c r="E58" s="409">
        <v>1504729.69</v>
      </c>
      <c r="F58" s="409">
        <v>1504729.69</v>
      </c>
      <c r="G58" s="409">
        <v>19561485.960000001</v>
      </c>
      <c r="H58" s="460">
        <v>18100000</v>
      </c>
      <c r="O58" s="440"/>
      <c r="P58" s="202"/>
    </row>
    <row r="59" spans="1:16" ht="10.5" x14ac:dyDescent="0.2">
      <c r="A59" s="26" t="s">
        <v>425</v>
      </c>
      <c r="B59" s="409">
        <v>6884435.8300000001</v>
      </c>
      <c r="C59" s="409">
        <v>4038440.55</v>
      </c>
      <c r="D59" s="409">
        <v>7397516.4800000004</v>
      </c>
      <c r="E59" s="409">
        <v>10542583.23</v>
      </c>
      <c r="F59" s="409">
        <v>7251063.7300000004</v>
      </c>
      <c r="G59" s="409">
        <v>92136834.080000013</v>
      </c>
      <c r="H59" s="460">
        <v>70200000</v>
      </c>
      <c r="O59" s="440"/>
      <c r="P59" s="202"/>
    </row>
    <row r="60" spans="1:16" ht="10.5" x14ac:dyDescent="0.2">
      <c r="A60" s="26" t="s">
        <v>426</v>
      </c>
      <c r="B60" s="409">
        <v>70914227.629999995</v>
      </c>
      <c r="C60" s="409">
        <v>72507414.430000007</v>
      </c>
      <c r="D60" s="409">
        <v>70146489.019999996</v>
      </c>
      <c r="E60" s="409">
        <v>65333972.869999997</v>
      </c>
      <c r="F60" s="409">
        <v>68285020.739999995</v>
      </c>
      <c r="G60" s="409">
        <v>857749716.12</v>
      </c>
      <c r="H60" s="460">
        <v>927764000</v>
      </c>
      <c r="O60" s="440"/>
      <c r="P60" s="202"/>
    </row>
    <row r="61" spans="1:16" ht="10.5" x14ac:dyDescent="0.2">
      <c r="A61" s="26" t="s">
        <v>427</v>
      </c>
      <c r="B61" s="409">
        <v>40645952.780000001</v>
      </c>
      <c r="C61" s="409">
        <v>44711553.189999998</v>
      </c>
      <c r="D61" s="409">
        <v>47968553.979999997</v>
      </c>
      <c r="E61" s="409">
        <v>49903696.700000003</v>
      </c>
      <c r="F61" s="409">
        <v>47457669.450000003</v>
      </c>
      <c r="G61" s="409">
        <v>570920793.30000007</v>
      </c>
      <c r="H61" s="460">
        <v>1126078800</v>
      </c>
      <c r="O61" s="440"/>
      <c r="P61" s="202"/>
    </row>
    <row r="62" spans="1:16" ht="10.5" x14ac:dyDescent="0.2">
      <c r="A62" s="26" t="s">
        <v>183</v>
      </c>
      <c r="B62" s="409">
        <v>8319738.2300000004</v>
      </c>
      <c r="C62" s="409">
        <v>14739297.310000001</v>
      </c>
      <c r="D62" s="409">
        <v>11576354.65</v>
      </c>
      <c r="E62" s="409">
        <v>12225296.25</v>
      </c>
      <c r="F62" s="409">
        <v>13589846.07</v>
      </c>
      <c r="G62" s="409">
        <v>213635303.59999999</v>
      </c>
      <c r="H62" s="460">
        <v>163748100</v>
      </c>
      <c r="O62" s="440"/>
      <c r="P62" s="202"/>
    </row>
    <row r="63" spans="1:16" s="68" customFormat="1" ht="10.5" x14ac:dyDescent="0.2">
      <c r="A63" s="127" t="s">
        <v>184</v>
      </c>
      <c r="B63" s="407">
        <v>306977032.69</v>
      </c>
      <c r="C63" s="407">
        <v>319337249.94</v>
      </c>
      <c r="D63" s="407">
        <v>292334031.92999995</v>
      </c>
      <c r="E63" s="407">
        <v>326372565.22999996</v>
      </c>
      <c r="F63" s="407">
        <v>317775144.68000001</v>
      </c>
      <c r="G63" s="407">
        <v>3726016349.6700001</v>
      </c>
      <c r="H63" s="461">
        <v>3679400000</v>
      </c>
      <c r="I63" s="153"/>
      <c r="O63" s="202"/>
      <c r="P63" s="202"/>
    </row>
    <row r="64" spans="1:16" ht="10.5" x14ac:dyDescent="0.2">
      <c r="A64" s="26" t="s">
        <v>185</v>
      </c>
      <c r="B64" s="409">
        <v>182208239.41999999</v>
      </c>
      <c r="C64" s="409">
        <v>164255917.31</v>
      </c>
      <c r="D64" s="409">
        <v>157946061.63999999</v>
      </c>
      <c r="E64" s="409">
        <v>164468808.94999999</v>
      </c>
      <c r="F64" s="409">
        <v>165483795.09999999</v>
      </c>
      <c r="G64" s="409">
        <v>2026524726.6600001</v>
      </c>
      <c r="H64" s="460">
        <v>1981032100</v>
      </c>
      <c r="O64" s="440"/>
      <c r="P64" s="202"/>
    </row>
    <row r="65" spans="1:16" ht="10.5" x14ac:dyDescent="0.2">
      <c r="A65" s="26" t="s">
        <v>366</v>
      </c>
      <c r="B65" s="409">
        <v>10628592.619999999</v>
      </c>
      <c r="C65" s="409">
        <v>41694061.960000001</v>
      </c>
      <c r="D65" s="409">
        <v>25579114.379999999</v>
      </c>
      <c r="E65" s="409">
        <v>54529832.380000003</v>
      </c>
      <c r="F65" s="409">
        <v>41146004.380000003</v>
      </c>
      <c r="G65" s="409">
        <v>364963905.73000002</v>
      </c>
      <c r="H65" s="460">
        <v>361921900</v>
      </c>
      <c r="O65" s="440"/>
      <c r="P65" s="202"/>
    </row>
    <row r="66" spans="1:16" ht="10.5" x14ac:dyDescent="0.2">
      <c r="A66" s="26" t="s">
        <v>428</v>
      </c>
      <c r="B66" s="409">
        <v>0</v>
      </c>
      <c r="C66" s="409">
        <v>0</v>
      </c>
      <c r="D66" s="409">
        <v>0</v>
      </c>
      <c r="E66" s="409">
        <v>303287.26</v>
      </c>
      <c r="F66" s="409">
        <v>125720.15</v>
      </c>
      <c r="G66" s="409">
        <v>429007.41000000003</v>
      </c>
      <c r="H66" s="460">
        <v>26829000</v>
      </c>
      <c r="O66" s="440"/>
      <c r="P66" s="202"/>
    </row>
    <row r="67" spans="1:16" ht="10.5" x14ac:dyDescent="0.2">
      <c r="A67" s="26" t="s">
        <v>223</v>
      </c>
      <c r="B67" s="409">
        <v>427929.84</v>
      </c>
      <c r="C67" s="409">
        <v>0</v>
      </c>
      <c r="D67" s="409">
        <v>30967.25</v>
      </c>
      <c r="E67" s="409">
        <v>14908.63</v>
      </c>
      <c r="F67" s="409">
        <v>-32449.88</v>
      </c>
      <c r="G67" s="409">
        <v>2777286.01</v>
      </c>
      <c r="H67" s="460">
        <v>7820000</v>
      </c>
      <c r="O67" s="440"/>
      <c r="P67" s="202"/>
    </row>
    <row r="68" spans="1:16" s="68" customFormat="1" ht="10.5" x14ac:dyDescent="0.2">
      <c r="A68" s="26" t="s">
        <v>226</v>
      </c>
      <c r="B68" s="409">
        <v>113712270.81</v>
      </c>
      <c r="C68" s="409">
        <v>113387270.67</v>
      </c>
      <c r="D68" s="409">
        <v>108777888.66</v>
      </c>
      <c r="E68" s="409">
        <v>107055728.01000001</v>
      </c>
      <c r="F68" s="409">
        <v>111052074.93000001</v>
      </c>
      <c r="G68" s="409">
        <v>1331321423.8599999</v>
      </c>
      <c r="H68" s="460">
        <v>1301797000</v>
      </c>
      <c r="I68" s="214"/>
      <c r="J68" s="273"/>
      <c r="K68" s="273"/>
      <c r="L68" s="273"/>
      <c r="O68" s="202"/>
      <c r="P68" s="202"/>
    </row>
    <row r="69" spans="1:16" s="68" customFormat="1" ht="15" customHeight="1" x14ac:dyDescent="0.2">
      <c r="A69" s="24" t="s">
        <v>234</v>
      </c>
      <c r="B69" s="342">
        <v>675193388.74000001</v>
      </c>
      <c r="C69" s="423">
        <v>686722991.47999978</v>
      </c>
      <c r="D69" s="342">
        <v>678230693.58000004</v>
      </c>
      <c r="E69" s="423">
        <v>668511788.90999985</v>
      </c>
      <c r="F69" s="342">
        <v>681477519.47000003</v>
      </c>
      <c r="G69" s="342">
        <v>8277846556.6599998</v>
      </c>
      <c r="H69" s="423">
        <v>8789724900</v>
      </c>
      <c r="I69" s="153"/>
      <c r="O69" s="202"/>
      <c r="P69" s="202"/>
    </row>
    <row r="70" spans="1:16" ht="10.5" x14ac:dyDescent="0.2">
      <c r="A70" s="76" t="s">
        <v>875</v>
      </c>
      <c r="B70" s="320"/>
      <c r="C70" s="320"/>
      <c r="D70" s="320"/>
      <c r="E70" s="320"/>
      <c r="F70" s="320"/>
      <c r="G70" s="320"/>
      <c r="H70" s="321"/>
    </row>
    <row r="71" spans="1:16" ht="11.25" customHeight="1" x14ac:dyDescent="0.2">
      <c r="H71" s="310"/>
    </row>
    <row r="72" spans="1:16" ht="11.25" customHeight="1" x14ac:dyDescent="0.2">
      <c r="H72" s="310"/>
    </row>
    <row r="73" spans="1:16" ht="11.25" customHeight="1" x14ac:dyDescent="0.2">
      <c r="H73" s="310"/>
    </row>
    <row r="74" spans="1:16" ht="11.25" customHeight="1" x14ac:dyDescent="0.2">
      <c r="H74" s="310"/>
    </row>
    <row r="75" spans="1:16" ht="11.25" customHeight="1" x14ac:dyDescent="0.2">
      <c r="H75" s="310"/>
    </row>
    <row r="76" spans="1:16" ht="11.25" customHeight="1" x14ac:dyDescent="0.2">
      <c r="H76" s="310"/>
    </row>
    <row r="77" spans="1:16" ht="11.25" customHeight="1" x14ac:dyDescent="0.2">
      <c r="H77" s="310"/>
    </row>
    <row r="78" spans="1:16" ht="11.25" customHeight="1" x14ac:dyDescent="0.2">
      <c r="H78" s="310"/>
    </row>
    <row r="79" spans="1:16" s="46" customFormat="1" ht="11.25" customHeight="1" x14ac:dyDescent="0.2">
      <c r="A79" s="273"/>
      <c r="B79" s="309"/>
      <c r="C79" s="309"/>
      <c r="D79" s="309"/>
      <c r="E79" s="309"/>
      <c r="F79" s="309"/>
      <c r="G79" s="310"/>
      <c r="H79" s="310"/>
      <c r="I79" s="214"/>
      <c r="J79" s="273"/>
      <c r="K79" s="273"/>
      <c r="L79" s="273"/>
      <c r="M79" s="273"/>
      <c r="N79" s="273"/>
      <c r="O79" s="273"/>
    </row>
    <row r="80" spans="1:16" s="46" customFormat="1" ht="11.25" customHeight="1" x14ac:dyDescent="0.2">
      <c r="A80" s="273"/>
      <c r="B80" s="309"/>
      <c r="C80" s="309"/>
      <c r="D80" s="309"/>
      <c r="E80" s="309"/>
      <c r="F80" s="309"/>
      <c r="G80" s="310"/>
      <c r="H80" s="310"/>
      <c r="I80" s="214"/>
      <c r="J80" s="273"/>
      <c r="K80" s="273"/>
      <c r="L80" s="273"/>
      <c r="M80" s="273"/>
      <c r="N80" s="273"/>
      <c r="O80" s="273"/>
    </row>
    <row r="81" spans="1:15" s="46" customFormat="1" ht="11.25" customHeight="1" x14ac:dyDescent="0.2">
      <c r="A81" s="273"/>
      <c r="B81" s="309"/>
      <c r="C81" s="309"/>
      <c r="D81" s="309"/>
      <c r="E81" s="309"/>
      <c r="F81" s="309"/>
      <c r="G81" s="310"/>
      <c r="H81" s="310"/>
      <c r="I81" s="214"/>
      <c r="J81" s="273"/>
      <c r="K81" s="273"/>
      <c r="L81" s="273"/>
      <c r="M81" s="273"/>
      <c r="N81" s="273"/>
      <c r="O81" s="273"/>
    </row>
    <row r="82" spans="1:15" s="46" customFormat="1" ht="11.25" customHeight="1" x14ac:dyDescent="0.2">
      <c r="A82" s="273"/>
      <c r="B82" s="309"/>
      <c r="C82" s="309"/>
      <c r="D82" s="309"/>
      <c r="E82" s="309"/>
      <c r="F82" s="309"/>
      <c r="G82" s="310"/>
      <c r="H82" s="310"/>
      <c r="I82" s="214"/>
      <c r="J82" s="273"/>
      <c r="K82" s="273"/>
      <c r="L82" s="273"/>
      <c r="M82" s="273"/>
      <c r="N82" s="273"/>
      <c r="O82" s="273"/>
    </row>
    <row r="83" spans="1:15" s="46" customFormat="1" ht="11.25" customHeight="1" x14ac:dyDescent="0.2">
      <c r="A83" s="273"/>
      <c r="B83" s="309"/>
      <c r="C83" s="309"/>
      <c r="D83" s="309"/>
      <c r="E83" s="309"/>
      <c r="F83" s="309"/>
      <c r="G83" s="310"/>
      <c r="H83" s="310"/>
      <c r="I83" s="214"/>
      <c r="J83" s="273"/>
      <c r="K83" s="273"/>
      <c r="L83" s="273"/>
      <c r="M83" s="273"/>
      <c r="N83" s="273"/>
      <c r="O83" s="273"/>
    </row>
    <row r="84" spans="1:15" s="46" customFormat="1" ht="11.25" customHeight="1" x14ac:dyDescent="0.2">
      <c r="A84" s="273"/>
      <c r="B84" s="309"/>
      <c r="C84" s="309"/>
      <c r="D84" s="309"/>
      <c r="E84" s="309"/>
      <c r="F84" s="309"/>
      <c r="G84" s="310"/>
      <c r="H84" s="310"/>
      <c r="I84" s="214"/>
      <c r="J84" s="273"/>
      <c r="K84" s="273"/>
      <c r="L84" s="273"/>
      <c r="M84" s="273"/>
      <c r="N84" s="273"/>
      <c r="O84" s="273"/>
    </row>
    <row r="85" spans="1:15" s="46" customFormat="1" ht="11.25" customHeight="1" x14ac:dyDescent="0.2">
      <c r="A85" s="273"/>
      <c r="B85" s="309"/>
      <c r="C85" s="309"/>
      <c r="D85" s="309"/>
      <c r="E85" s="309"/>
      <c r="F85" s="309"/>
      <c r="G85" s="310"/>
      <c r="H85" s="310"/>
      <c r="I85" s="214"/>
      <c r="J85" s="273"/>
      <c r="K85" s="273"/>
      <c r="L85" s="273"/>
      <c r="M85" s="273"/>
      <c r="N85" s="273"/>
      <c r="O85" s="273"/>
    </row>
    <row r="86" spans="1:15" ht="11.25" customHeight="1" x14ac:dyDescent="0.2">
      <c r="H86" s="310"/>
    </row>
    <row r="87" spans="1:15" ht="11.25" customHeight="1" x14ac:dyDescent="0.2">
      <c r="H87" s="310"/>
    </row>
    <row r="88" spans="1:15" ht="11.25" customHeight="1" x14ac:dyDescent="0.2">
      <c r="H88" s="310"/>
    </row>
  </sheetData>
  <customSheetViews>
    <customSheetView guid="{6DBFA32C-4AA4-4E1D-9A48-697377C64CC3}" showPageBreaks="1" showGridLines="0" fitToPage="1" printArea="1">
      <selection activeCell="B5" sqref="B5"/>
      <pageMargins left="0.19685039370078741" right="0.19685039370078741" top="0.59055118110236227" bottom="0.19685039370078741" header="0" footer="0"/>
      <printOptions horizontalCentered="1"/>
      <pageSetup paperSize="9" scale="57" orientation="portrait" r:id="rId1"/>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2"/>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3"/>
      <headerFooter alignWithMargins="0"/>
    </customSheetView>
    <customSheetView guid="{82EDB5A4-4824-4632-A540-7A52C92F04C7}" showPageBreaks="1" showGridLines="0" fitToPage="1">
      <selection activeCell="D57" sqref="D57"/>
      <pageMargins left="0.19685039370078741" right="0.19685039370078741" top="0.59055118110236227" bottom="0.19685039370078741" header="0" footer="0"/>
      <printOptions horizontalCentered="1"/>
      <pageSetup paperSize="9" scale="57" orientation="portrait" r:id="rId4"/>
      <headerFooter alignWithMargins="0"/>
    </customSheetView>
    <customSheetView guid="{C779D862-DE28-46CD-A428-4AAA1056D1E1}" showPageBreaks="1" showGridLines="0" fitToPage="1" printArea="1">
      <selection activeCell="G72" sqref="G72"/>
      <pageMargins left="0.19685039370078741" right="0.19685039370078741" top="0.59055118110236227" bottom="0.19685039370078741" header="0" footer="0"/>
      <printOptions horizontalCentered="1"/>
      <pageSetup paperSize="9" scale="56" orientation="portrait" r:id="rId5"/>
      <headerFooter alignWithMargins="0"/>
    </customSheetView>
    <customSheetView guid="{25EF1E0D-169B-4051-B414-7E1196FC05E4}" showPageBreaks="1" showGridLines="0" fitToPage="1" printArea="1" topLeftCell="A40">
      <selection activeCell="G72" sqref="G72"/>
      <pageMargins left="0.19685039370078741" right="0.19685039370078741" top="0.59055118110236227" bottom="0.19685039370078741" header="0" footer="0"/>
      <printOptions horizontalCentered="1"/>
      <pageSetup paperSize="9" scale="56" orientation="portrait" r:id="rId6"/>
      <headerFooter alignWithMargins="0"/>
    </customSheetView>
    <customSheetView guid="{3AAF6A5F-F9AA-430B-9AD9-1261ECDF41B5}" showPageBreaks="1" showGridLines="0" fitToPage="1">
      <selection activeCell="D57" sqref="D57"/>
      <pageMargins left="0.19685039370078741" right="0.19685039370078741" top="0.59055118110236227" bottom="0.19685039370078741" header="0" footer="0"/>
      <printOptions horizontalCentered="1"/>
      <pageSetup paperSize="9" scale="56" orientation="portrait" r:id="rId7"/>
      <headerFooter alignWithMargins="0"/>
    </customSheetView>
  </customSheetViews>
  <mergeCells count="9">
    <mergeCell ref="B41:F42"/>
    <mergeCell ref="A41:A43"/>
    <mergeCell ref="B10:H11"/>
    <mergeCell ref="A10:A12"/>
    <mergeCell ref="A3:H3"/>
    <mergeCell ref="A4:H4"/>
    <mergeCell ref="A5:H5"/>
    <mergeCell ref="A6:H6"/>
    <mergeCell ref="A7:H7"/>
  </mergeCells>
  <printOptions horizontalCentered="1"/>
  <pageMargins left="0.19685039370078741" right="0.19685039370078741" top="0.59055118110236227" bottom="0.19685039370078741" header="0" footer="0"/>
  <pageSetup paperSize="9" scale="56" orientation="portrait" r:id="rId8"/>
  <headerFooter alignWithMargins="0"/>
  <drawing r:id="rId9"/>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K137"/>
  <sheetViews>
    <sheetView showGridLines="0" zoomScaleNormal="100" workbookViewId="0"/>
  </sheetViews>
  <sheetFormatPr defaultColWidth="7.85546875" defaultRowHeight="11.25" customHeight="1" x14ac:dyDescent="0.2"/>
  <cols>
    <col min="1" max="1" width="68" style="176" customWidth="1"/>
    <col min="2" max="3" width="21.7109375" style="176" bestFit="1" customWidth="1"/>
    <col min="4" max="5" width="19" style="176" bestFit="1" customWidth="1"/>
    <col min="6" max="6" width="19" style="175" bestFit="1" customWidth="1"/>
    <col min="7" max="7" width="19" style="176" bestFit="1" customWidth="1"/>
    <col min="8" max="8" width="17.42578125" style="176" bestFit="1" customWidth="1"/>
    <col min="9" max="9" width="17.42578125" style="175" bestFit="1" customWidth="1"/>
    <col min="10" max="10" width="7.85546875" style="214"/>
    <col min="11" max="16384" width="7.85546875" style="176"/>
  </cols>
  <sheetData>
    <row r="1" spans="1:11" s="23" customFormat="1" ht="10.5" x14ac:dyDescent="0.2">
      <c r="A1" s="300"/>
      <c r="B1" s="300"/>
      <c r="C1" s="300"/>
      <c r="D1" s="300"/>
      <c r="E1" s="300"/>
      <c r="F1" s="300"/>
      <c r="G1" s="300"/>
      <c r="H1" s="300"/>
      <c r="I1" s="300"/>
      <c r="J1" s="111"/>
    </row>
    <row r="2" spans="1:11" s="23" customFormat="1" ht="11.25" customHeight="1" x14ac:dyDescent="0.2">
      <c r="A2" s="177"/>
      <c r="F2" s="111"/>
      <c r="I2" s="111"/>
      <c r="J2" s="111"/>
    </row>
    <row r="3" spans="1:11" s="46" customFormat="1" ht="11.25" customHeight="1" x14ac:dyDescent="0.2">
      <c r="A3" s="681" t="s">
        <v>641</v>
      </c>
      <c r="B3" s="681"/>
      <c r="C3" s="681"/>
      <c r="D3" s="681"/>
      <c r="E3" s="681"/>
      <c r="F3" s="681"/>
      <c r="G3" s="681"/>
      <c r="H3" s="681"/>
      <c r="I3" s="681"/>
      <c r="J3" s="64"/>
    </row>
    <row r="4" spans="1:11" s="46" customFormat="1" ht="11.25" customHeight="1" x14ac:dyDescent="0.2">
      <c r="A4" s="681" t="s">
        <v>105</v>
      </c>
      <c r="B4" s="681"/>
      <c r="C4" s="681"/>
      <c r="D4" s="681"/>
      <c r="E4" s="681"/>
      <c r="F4" s="681"/>
      <c r="G4" s="681"/>
      <c r="H4" s="681"/>
      <c r="I4" s="681"/>
      <c r="J4" s="64"/>
    </row>
    <row r="5" spans="1:11" s="46" customFormat="1" ht="11.25" customHeight="1" x14ac:dyDescent="0.2">
      <c r="A5" s="681" t="s">
        <v>127</v>
      </c>
      <c r="B5" s="681"/>
      <c r="C5" s="681"/>
      <c r="D5" s="681"/>
      <c r="E5" s="681"/>
      <c r="F5" s="681"/>
      <c r="G5" s="681"/>
      <c r="H5" s="681"/>
      <c r="I5" s="681"/>
      <c r="J5" s="58"/>
    </row>
    <row r="6" spans="1:11" s="46" customFormat="1" ht="11.25" customHeight="1" x14ac:dyDescent="0.2">
      <c r="A6" s="728" t="s">
        <v>747</v>
      </c>
      <c r="B6" s="728"/>
      <c r="C6" s="728"/>
      <c r="D6" s="728"/>
      <c r="E6" s="728"/>
      <c r="F6" s="728"/>
      <c r="G6" s="728"/>
      <c r="H6" s="728"/>
      <c r="I6" s="728"/>
      <c r="J6" s="58"/>
    </row>
    <row r="7" spans="1:11" s="46" customFormat="1" ht="11.25" customHeight="1" x14ac:dyDescent="0.2">
      <c r="A7" s="681" t="s">
        <v>879</v>
      </c>
      <c r="B7" s="681"/>
      <c r="C7" s="681"/>
      <c r="D7" s="681"/>
      <c r="E7" s="681"/>
      <c r="F7" s="681"/>
      <c r="G7" s="681"/>
      <c r="H7" s="681"/>
      <c r="I7" s="681"/>
      <c r="J7" s="58"/>
    </row>
    <row r="8" spans="1:11" s="23" customFormat="1" ht="11.25" customHeight="1" x14ac:dyDescent="0.2">
      <c r="F8" s="111"/>
      <c r="I8" s="111"/>
      <c r="J8" s="111"/>
    </row>
    <row r="9" spans="1:11" s="23" customFormat="1" ht="11.25" customHeight="1" x14ac:dyDescent="0.2">
      <c r="A9" s="23" t="s">
        <v>367</v>
      </c>
      <c r="F9" s="769"/>
      <c r="G9" s="769"/>
      <c r="I9" s="224">
        <v>1</v>
      </c>
      <c r="J9" s="111"/>
    </row>
    <row r="10" spans="1:11" s="68" customFormat="1" ht="15" customHeight="1" x14ac:dyDescent="0.15">
      <c r="A10" s="741" t="s">
        <v>110</v>
      </c>
      <c r="B10" s="759" t="s">
        <v>108</v>
      </c>
      <c r="C10" s="760"/>
      <c r="D10" s="759" t="s">
        <v>108</v>
      </c>
      <c r="E10" s="760"/>
      <c r="F10" s="754" t="s">
        <v>109</v>
      </c>
      <c r="G10" s="761"/>
      <c r="H10" s="761"/>
      <c r="I10" s="761"/>
      <c r="J10" s="153"/>
    </row>
    <row r="11" spans="1:11" s="68" customFormat="1" ht="15" customHeight="1" x14ac:dyDescent="0.2">
      <c r="A11" s="744"/>
      <c r="B11" s="762" t="s">
        <v>111</v>
      </c>
      <c r="C11" s="763"/>
      <c r="D11" s="765" t="s">
        <v>112</v>
      </c>
      <c r="E11" s="744"/>
      <c r="F11" s="739" t="s">
        <v>115</v>
      </c>
      <c r="G11" s="741"/>
      <c r="H11" s="739" t="s">
        <v>115</v>
      </c>
      <c r="I11" s="740"/>
      <c r="J11" s="153"/>
    </row>
    <row r="12" spans="1:11" s="68" customFormat="1" ht="15" customHeight="1" x14ac:dyDescent="0.2">
      <c r="A12" s="745"/>
      <c r="B12" s="755"/>
      <c r="C12" s="764"/>
      <c r="D12" s="766"/>
      <c r="E12" s="745"/>
      <c r="F12" s="762">
        <v>2015</v>
      </c>
      <c r="G12" s="763"/>
      <c r="H12" s="765">
        <v>2014</v>
      </c>
      <c r="I12" s="770"/>
      <c r="J12" s="153"/>
    </row>
    <row r="13" spans="1:11" ht="10.5" x14ac:dyDescent="0.2">
      <c r="A13" s="153" t="s">
        <v>282</v>
      </c>
      <c r="B13" s="679">
        <v>381570900</v>
      </c>
      <c r="C13" s="680"/>
      <c r="D13" s="679">
        <v>526330929.60999995</v>
      </c>
      <c r="E13" s="680"/>
      <c r="F13" s="679">
        <v>212605638.22000006</v>
      </c>
      <c r="G13" s="680"/>
      <c r="H13" s="679">
        <v>196855901.29999998</v>
      </c>
      <c r="I13" s="709"/>
      <c r="J13" s="390"/>
      <c r="K13" s="201"/>
    </row>
    <row r="14" spans="1:11" ht="10.5" x14ac:dyDescent="0.2">
      <c r="A14" s="153" t="s">
        <v>8</v>
      </c>
      <c r="B14" s="665">
        <v>381570900</v>
      </c>
      <c r="C14" s="676">
        <v>0</v>
      </c>
      <c r="D14" s="665">
        <v>526330929.60999995</v>
      </c>
      <c r="E14" s="676">
        <v>0</v>
      </c>
      <c r="F14" s="665">
        <v>212605638.22000006</v>
      </c>
      <c r="G14" s="676">
        <v>0</v>
      </c>
      <c r="H14" s="665">
        <v>196855901.29999998</v>
      </c>
      <c r="I14" s="666">
        <v>0</v>
      </c>
      <c r="J14" s="390"/>
      <c r="K14" s="201"/>
    </row>
    <row r="15" spans="1:11" ht="10.5" x14ac:dyDescent="0.2">
      <c r="A15" s="176" t="s">
        <v>128</v>
      </c>
      <c r="B15" s="659">
        <v>373750900</v>
      </c>
      <c r="C15" s="672">
        <v>0</v>
      </c>
      <c r="D15" s="659">
        <v>512582215.25999999</v>
      </c>
      <c r="E15" s="672">
        <v>0</v>
      </c>
      <c r="F15" s="659">
        <v>205789025.97000003</v>
      </c>
      <c r="G15" s="672">
        <v>0</v>
      </c>
      <c r="H15" s="659">
        <v>191056081.91999999</v>
      </c>
      <c r="I15" s="660">
        <v>0</v>
      </c>
      <c r="J15" s="390"/>
      <c r="K15" s="201"/>
    </row>
    <row r="16" spans="1:11" ht="10.5" x14ac:dyDescent="0.2">
      <c r="A16" s="176" t="s">
        <v>283</v>
      </c>
      <c r="B16" s="659">
        <v>126921900</v>
      </c>
      <c r="C16" s="672">
        <v>0</v>
      </c>
      <c r="D16" s="659">
        <v>265753215.26000002</v>
      </c>
      <c r="E16" s="672">
        <v>0</v>
      </c>
      <c r="F16" s="659">
        <v>174720673.72000003</v>
      </c>
      <c r="G16" s="672">
        <v>0</v>
      </c>
      <c r="H16" s="659">
        <v>161749162.20999998</v>
      </c>
      <c r="I16" s="660">
        <v>0</v>
      </c>
      <c r="J16" s="390"/>
      <c r="K16" s="201"/>
    </row>
    <row r="17" spans="1:11" ht="10.5" x14ac:dyDescent="0.2">
      <c r="A17" s="176" t="s">
        <v>129</v>
      </c>
      <c r="B17" s="659">
        <v>0</v>
      </c>
      <c r="C17" s="672"/>
      <c r="D17" s="659">
        <v>138831315.26000002</v>
      </c>
      <c r="E17" s="672"/>
      <c r="F17" s="659">
        <v>138831315.26000002</v>
      </c>
      <c r="G17" s="672"/>
      <c r="H17" s="659">
        <v>125339780.23999999</v>
      </c>
      <c r="I17" s="660"/>
      <c r="J17" s="390"/>
      <c r="K17" s="201"/>
    </row>
    <row r="18" spans="1:11" ht="10.5" x14ac:dyDescent="0.2">
      <c r="A18" s="176" t="s">
        <v>130</v>
      </c>
      <c r="B18" s="659">
        <v>86921900</v>
      </c>
      <c r="C18" s="672"/>
      <c r="D18" s="659">
        <v>86921900</v>
      </c>
      <c r="E18" s="672"/>
      <c r="F18" s="659">
        <v>29522523.050000001</v>
      </c>
      <c r="G18" s="672"/>
      <c r="H18" s="659">
        <v>29400034.210000001</v>
      </c>
      <c r="I18" s="660"/>
      <c r="J18" s="390"/>
      <c r="K18" s="201"/>
    </row>
    <row r="19" spans="1:11" ht="10.5" x14ac:dyDescent="0.2">
      <c r="A19" s="176" t="s">
        <v>131</v>
      </c>
      <c r="B19" s="659">
        <v>40000000</v>
      </c>
      <c r="C19" s="672"/>
      <c r="D19" s="659">
        <v>40000000</v>
      </c>
      <c r="E19" s="672"/>
      <c r="F19" s="659">
        <v>6366835.4100000001</v>
      </c>
      <c r="G19" s="672"/>
      <c r="H19" s="659">
        <v>7009347.7599999998</v>
      </c>
      <c r="I19" s="660"/>
      <c r="J19" s="390"/>
      <c r="K19" s="201"/>
    </row>
    <row r="20" spans="1:11" ht="10.5" x14ac:dyDescent="0.2">
      <c r="A20" s="176" t="s">
        <v>284</v>
      </c>
      <c r="B20" s="659">
        <v>246829000</v>
      </c>
      <c r="C20" s="672">
        <v>0</v>
      </c>
      <c r="D20" s="659">
        <v>246829000</v>
      </c>
      <c r="E20" s="672">
        <v>0</v>
      </c>
      <c r="F20" s="659">
        <v>31068352.250000004</v>
      </c>
      <c r="G20" s="672">
        <v>0</v>
      </c>
      <c r="H20" s="659">
        <v>29306919.709999997</v>
      </c>
      <c r="I20" s="660">
        <v>0</v>
      </c>
      <c r="J20" s="390"/>
      <c r="K20" s="201"/>
    </row>
    <row r="21" spans="1:11" ht="10.5" x14ac:dyDescent="0.2">
      <c r="A21" s="176" t="s">
        <v>132</v>
      </c>
      <c r="B21" s="659">
        <v>170000000</v>
      </c>
      <c r="C21" s="672"/>
      <c r="D21" s="659">
        <v>170000000</v>
      </c>
      <c r="E21" s="672"/>
      <c r="F21" s="659">
        <v>24020531.350000001</v>
      </c>
      <c r="G21" s="672"/>
      <c r="H21" s="659">
        <v>23601618.59</v>
      </c>
      <c r="I21" s="660"/>
      <c r="J21" s="390"/>
      <c r="K21" s="201"/>
    </row>
    <row r="22" spans="1:11" ht="10.5" x14ac:dyDescent="0.2">
      <c r="A22" s="176" t="s">
        <v>133</v>
      </c>
      <c r="B22" s="659">
        <v>50000000</v>
      </c>
      <c r="C22" s="672"/>
      <c r="D22" s="659">
        <v>50000000</v>
      </c>
      <c r="E22" s="672"/>
      <c r="F22" s="659">
        <v>6618813.4900000002</v>
      </c>
      <c r="G22" s="672"/>
      <c r="H22" s="659">
        <v>5485341.2199999997</v>
      </c>
      <c r="I22" s="660"/>
      <c r="J22" s="390"/>
      <c r="K22" s="201"/>
    </row>
    <row r="23" spans="1:11" ht="10.5" x14ac:dyDescent="0.2">
      <c r="A23" s="176" t="s">
        <v>748</v>
      </c>
      <c r="B23" s="659">
        <v>26829000</v>
      </c>
      <c r="C23" s="672"/>
      <c r="D23" s="659">
        <v>26829000</v>
      </c>
      <c r="E23" s="672"/>
      <c r="F23" s="659">
        <v>429007.41</v>
      </c>
      <c r="G23" s="672"/>
      <c r="H23" s="659">
        <v>219959.9</v>
      </c>
      <c r="I23" s="660"/>
      <c r="J23" s="390"/>
      <c r="K23" s="201"/>
    </row>
    <row r="24" spans="1:11" ht="10.5" x14ac:dyDescent="0.2">
      <c r="A24" s="176" t="s">
        <v>155</v>
      </c>
      <c r="B24" s="659">
        <v>0</v>
      </c>
      <c r="C24" s="672"/>
      <c r="D24" s="659">
        <v>1792876.02</v>
      </c>
      <c r="E24" s="672"/>
      <c r="F24" s="659">
        <v>1792876.02</v>
      </c>
      <c r="G24" s="672"/>
      <c r="H24" s="659">
        <v>533451.68999999994</v>
      </c>
      <c r="I24" s="660"/>
      <c r="J24" s="390"/>
      <c r="K24" s="201"/>
    </row>
    <row r="25" spans="1:11" ht="10.5" x14ac:dyDescent="0.2">
      <c r="A25" s="176" t="s">
        <v>312</v>
      </c>
      <c r="B25" s="659">
        <v>0</v>
      </c>
      <c r="C25" s="672">
        <v>0</v>
      </c>
      <c r="D25" s="659">
        <v>162450.23999999999</v>
      </c>
      <c r="E25" s="672">
        <v>0</v>
      </c>
      <c r="F25" s="659">
        <v>162450.23999999999</v>
      </c>
      <c r="G25" s="672"/>
      <c r="H25" s="659">
        <v>70622.67</v>
      </c>
      <c r="I25" s="660">
        <v>0</v>
      </c>
      <c r="J25" s="390"/>
      <c r="K25" s="201"/>
    </row>
    <row r="26" spans="1:11" ht="10.5" x14ac:dyDescent="0.2">
      <c r="A26" s="176" t="s">
        <v>16</v>
      </c>
      <c r="B26" s="659">
        <v>0</v>
      </c>
      <c r="C26" s="672"/>
      <c r="D26" s="659">
        <v>7923.47</v>
      </c>
      <c r="E26" s="672"/>
      <c r="F26" s="659">
        <v>7923.47</v>
      </c>
      <c r="G26" s="672"/>
      <c r="H26" s="659">
        <v>5091</v>
      </c>
      <c r="I26" s="660"/>
      <c r="J26" s="390"/>
      <c r="K26" s="201"/>
    </row>
    <row r="27" spans="1:11" ht="10.5" x14ac:dyDescent="0.2">
      <c r="A27" s="176" t="s">
        <v>17</v>
      </c>
      <c r="B27" s="659">
        <v>0</v>
      </c>
      <c r="C27" s="672"/>
      <c r="D27" s="659">
        <v>154526.76999999999</v>
      </c>
      <c r="E27" s="672"/>
      <c r="F27" s="659">
        <v>154526.76999999999</v>
      </c>
      <c r="G27" s="672"/>
      <c r="H27" s="659">
        <v>65531.67</v>
      </c>
      <c r="I27" s="660"/>
      <c r="J27" s="390"/>
      <c r="K27" s="201"/>
    </row>
    <row r="28" spans="1:11" ht="10.5" x14ac:dyDescent="0.2">
      <c r="A28" s="176" t="s">
        <v>19</v>
      </c>
      <c r="B28" s="659">
        <v>0</v>
      </c>
      <c r="C28" s="672"/>
      <c r="D28" s="659">
        <v>0</v>
      </c>
      <c r="E28" s="672"/>
      <c r="F28" s="665">
        <v>0</v>
      </c>
      <c r="G28" s="676"/>
      <c r="H28" s="659">
        <v>0</v>
      </c>
      <c r="I28" s="660"/>
      <c r="J28" s="390"/>
      <c r="K28" s="201"/>
    </row>
    <row r="29" spans="1:11" ht="10.5" x14ac:dyDescent="0.2">
      <c r="A29" s="176" t="s">
        <v>227</v>
      </c>
      <c r="B29" s="659">
        <v>0</v>
      </c>
      <c r="C29" s="672"/>
      <c r="D29" s="659">
        <v>0</v>
      </c>
      <c r="E29" s="672"/>
      <c r="F29" s="665">
        <v>0</v>
      </c>
      <c r="G29" s="676"/>
      <c r="H29" s="659">
        <v>0</v>
      </c>
      <c r="I29" s="660"/>
      <c r="J29" s="390"/>
      <c r="K29" s="201"/>
    </row>
    <row r="30" spans="1:11" ht="10.5" x14ac:dyDescent="0.2">
      <c r="A30" s="56" t="s">
        <v>285</v>
      </c>
      <c r="B30" s="659">
        <v>7820000</v>
      </c>
      <c r="C30" s="672">
        <v>0</v>
      </c>
      <c r="D30" s="659">
        <v>11793388.09</v>
      </c>
      <c r="E30" s="672">
        <v>0</v>
      </c>
      <c r="F30" s="659">
        <v>4861285.99</v>
      </c>
      <c r="G30" s="672">
        <v>0</v>
      </c>
      <c r="H30" s="659">
        <v>5195745.0199999996</v>
      </c>
      <c r="I30" s="660">
        <v>0</v>
      </c>
      <c r="J30" s="390"/>
      <c r="K30" s="201"/>
    </row>
    <row r="31" spans="1:11" ht="10.5" x14ac:dyDescent="0.2">
      <c r="A31" s="121" t="s">
        <v>546</v>
      </c>
      <c r="B31" s="659">
        <v>7820000</v>
      </c>
      <c r="C31" s="672"/>
      <c r="D31" s="659">
        <v>7820000</v>
      </c>
      <c r="E31" s="672"/>
      <c r="F31" s="659">
        <v>887897.9</v>
      </c>
      <c r="G31" s="672"/>
      <c r="H31" s="659">
        <v>4409868.5599999996</v>
      </c>
      <c r="I31" s="660"/>
      <c r="J31" s="390"/>
      <c r="K31" s="201"/>
    </row>
    <row r="32" spans="1:11" ht="10.5" x14ac:dyDescent="0.2">
      <c r="A32" s="121" t="s">
        <v>547</v>
      </c>
      <c r="B32" s="659">
        <v>0</v>
      </c>
      <c r="C32" s="672"/>
      <c r="D32" s="659">
        <v>3973388.09</v>
      </c>
      <c r="E32" s="672"/>
      <c r="F32" s="659">
        <v>3973388.09</v>
      </c>
      <c r="G32" s="672"/>
      <c r="H32" s="659">
        <v>785876.46</v>
      </c>
      <c r="I32" s="660"/>
      <c r="J32" s="390"/>
      <c r="K32" s="201"/>
    </row>
    <row r="33" spans="1:11" ht="10.5" x14ac:dyDescent="0.2">
      <c r="A33" s="154" t="s">
        <v>40</v>
      </c>
      <c r="B33" s="659">
        <v>0</v>
      </c>
      <c r="C33" s="672">
        <v>0</v>
      </c>
      <c r="D33" s="659">
        <v>0</v>
      </c>
      <c r="E33" s="672"/>
      <c r="F33" s="665">
        <v>0</v>
      </c>
      <c r="G33" s="676">
        <v>0</v>
      </c>
      <c r="H33" s="659">
        <v>0</v>
      </c>
      <c r="I33" s="660">
        <v>0</v>
      </c>
      <c r="J33" s="390"/>
      <c r="K33" s="201"/>
    </row>
    <row r="34" spans="1:11" ht="10.5" x14ac:dyDescent="0.2">
      <c r="A34" s="121" t="s">
        <v>120</v>
      </c>
      <c r="B34" s="659">
        <v>0</v>
      </c>
      <c r="C34" s="672"/>
      <c r="D34" s="659">
        <v>0</v>
      </c>
      <c r="E34" s="672"/>
      <c r="F34" s="665">
        <v>0</v>
      </c>
      <c r="G34" s="676"/>
      <c r="H34" s="659">
        <v>0</v>
      </c>
      <c r="I34" s="660"/>
      <c r="J34" s="390"/>
      <c r="K34" s="201"/>
    </row>
    <row r="35" spans="1:11" ht="10.5" x14ac:dyDescent="0.2">
      <c r="A35" s="176" t="s">
        <v>228</v>
      </c>
      <c r="B35" s="659">
        <v>0</v>
      </c>
      <c r="C35" s="672"/>
      <c r="D35" s="659">
        <v>0</v>
      </c>
      <c r="E35" s="672"/>
      <c r="F35" s="665">
        <v>0</v>
      </c>
      <c r="G35" s="676"/>
      <c r="H35" s="659">
        <v>0</v>
      </c>
      <c r="I35" s="660"/>
      <c r="J35" s="390"/>
      <c r="K35" s="201"/>
    </row>
    <row r="36" spans="1:11" ht="10.5" x14ac:dyDescent="0.2">
      <c r="A36" s="121" t="s">
        <v>286</v>
      </c>
      <c r="B36" s="659">
        <v>0</v>
      </c>
      <c r="C36" s="672"/>
      <c r="D36" s="659">
        <v>0</v>
      </c>
      <c r="E36" s="672"/>
      <c r="F36" s="665">
        <v>0</v>
      </c>
      <c r="G36" s="676"/>
      <c r="H36" s="659">
        <v>0</v>
      </c>
      <c r="I36" s="660"/>
      <c r="J36" s="390"/>
      <c r="K36" s="201"/>
    </row>
    <row r="37" spans="1:11" s="68" customFormat="1" ht="10.5" x14ac:dyDescent="0.2">
      <c r="B37" s="659"/>
      <c r="C37" s="672"/>
      <c r="D37" s="659"/>
      <c r="E37" s="672"/>
      <c r="F37" s="665"/>
      <c r="G37" s="676"/>
      <c r="H37" s="659"/>
      <c r="I37" s="660"/>
      <c r="J37" s="200"/>
      <c r="K37" s="338"/>
    </row>
    <row r="38" spans="1:11" ht="15" customHeight="1" x14ac:dyDescent="0.2">
      <c r="A38" s="155" t="s">
        <v>548</v>
      </c>
      <c r="B38" s="661">
        <v>914247000</v>
      </c>
      <c r="C38" s="675"/>
      <c r="D38" s="661">
        <v>918768771.01999998</v>
      </c>
      <c r="E38" s="675"/>
      <c r="F38" s="661">
        <v>303078211.69</v>
      </c>
      <c r="G38" s="675"/>
      <c r="H38" s="661">
        <v>305055894.66000003</v>
      </c>
      <c r="I38" s="662"/>
      <c r="J38" s="390"/>
      <c r="K38" s="201"/>
    </row>
    <row r="39" spans="1:11" ht="15" customHeight="1" x14ac:dyDescent="0.2">
      <c r="A39" s="122" t="s">
        <v>766</v>
      </c>
      <c r="B39" s="669">
        <v>1295817900</v>
      </c>
      <c r="C39" s="670">
        <v>0</v>
      </c>
      <c r="D39" s="669">
        <v>1445099700.6299999</v>
      </c>
      <c r="E39" s="670">
        <v>0</v>
      </c>
      <c r="F39" s="791">
        <v>515683849.91000009</v>
      </c>
      <c r="G39" s="792">
        <v>0</v>
      </c>
      <c r="H39" s="669">
        <v>501911795.96000004</v>
      </c>
      <c r="I39" s="708">
        <v>0</v>
      </c>
      <c r="J39" s="390"/>
      <c r="K39" s="201"/>
    </row>
    <row r="40" spans="1:11" ht="5.0999999999999996" customHeight="1" x14ac:dyDescent="0.2">
      <c r="A40" s="123"/>
      <c r="B40" s="120"/>
      <c r="C40" s="120"/>
      <c r="D40" s="12"/>
      <c r="E40" s="120"/>
      <c r="F40" s="76"/>
      <c r="G40" s="76"/>
      <c r="H40" s="22"/>
      <c r="I40" s="22"/>
    </row>
    <row r="41" spans="1:11" s="68" customFormat="1" ht="25.5" customHeight="1" x14ac:dyDescent="0.15">
      <c r="A41" s="741" t="s">
        <v>160</v>
      </c>
      <c r="B41" s="197" t="s">
        <v>157</v>
      </c>
      <c r="C41" s="197" t="s">
        <v>157</v>
      </c>
      <c r="D41" s="690" t="s">
        <v>158</v>
      </c>
      <c r="E41" s="692"/>
      <c r="F41" s="756" t="s">
        <v>159</v>
      </c>
      <c r="G41" s="757"/>
      <c r="H41" s="756" t="s">
        <v>348</v>
      </c>
      <c r="I41" s="758"/>
      <c r="J41" s="153"/>
    </row>
    <row r="42" spans="1:11" s="68" customFormat="1" ht="15" customHeight="1" x14ac:dyDescent="0.2">
      <c r="A42" s="744"/>
      <c r="B42" s="768" t="s">
        <v>111</v>
      </c>
      <c r="C42" s="768" t="s">
        <v>112</v>
      </c>
      <c r="D42" s="169" t="s">
        <v>115</v>
      </c>
      <c r="E42" s="169" t="s">
        <v>115</v>
      </c>
      <c r="F42" s="169" t="s">
        <v>115</v>
      </c>
      <c r="G42" s="169" t="s">
        <v>115</v>
      </c>
      <c r="H42" s="752" t="s">
        <v>745</v>
      </c>
      <c r="I42" s="754" t="s">
        <v>746</v>
      </c>
      <c r="J42" s="153"/>
    </row>
    <row r="43" spans="1:11" s="68" customFormat="1" ht="15" customHeight="1" x14ac:dyDescent="0.2">
      <c r="A43" s="745"/>
      <c r="B43" s="743"/>
      <c r="C43" s="743"/>
      <c r="D43" s="170">
        <v>2015</v>
      </c>
      <c r="E43" s="171">
        <v>2014</v>
      </c>
      <c r="F43" s="170">
        <v>2015</v>
      </c>
      <c r="G43" s="171">
        <v>2014</v>
      </c>
      <c r="H43" s="753"/>
      <c r="I43" s="755"/>
      <c r="J43" s="153"/>
    </row>
    <row r="44" spans="1:11" ht="10.5" x14ac:dyDescent="0.2">
      <c r="A44" s="156" t="s">
        <v>134</v>
      </c>
      <c r="B44" s="413">
        <v>1545787900</v>
      </c>
      <c r="C44" s="581">
        <v>2009228011.76</v>
      </c>
      <c r="D44" s="581">
        <v>1271794775.0500002</v>
      </c>
      <c r="E44" s="581">
        <v>1041367538.92</v>
      </c>
      <c r="F44" s="581">
        <v>1219271763.01</v>
      </c>
      <c r="G44" s="581">
        <v>1030369419.87</v>
      </c>
      <c r="H44" s="581">
        <v>0</v>
      </c>
      <c r="I44" s="581">
        <v>0</v>
      </c>
    </row>
    <row r="45" spans="1:11" ht="10.5" x14ac:dyDescent="0.2">
      <c r="A45" s="68" t="s">
        <v>281</v>
      </c>
      <c r="B45" s="406">
        <v>3171000</v>
      </c>
      <c r="C45" s="582">
        <v>4233443.76</v>
      </c>
      <c r="D45" s="582">
        <v>1008427.9600000001</v>
      </c>
      <c r="E45" s="582">
        <v>1396226.92</v>
      </c>
      <c r="F45" s="582">
        <v>922214.96</v>
      </c>
      <c r="G45" s="582">
        <v>917149.39</v>
      </c>
      <c r="H45" s="582">
        <v>0</v>
      </c>
      <c r="I45" s="581">
        <v>0</v>
      </c>
    </row>
    <row r="46" spans="1:11" ht="10.5" x14ac:dyDescent="0.2">
      <c r="A46" s="23" t="s">
        <v>287</v>
      </c>
      <c r="B46" s="408">
        <v>2727700</v>
      </c>
      <c r="C46" s="467">
        <v>3790143.76</v>
      </c>
      <c r="D46" s="467">
        <v>1008427.9600000001</v>
      </c>
      <c r="E46" s="467">
        <v>1358515.92</v>
      </c>
      <c r="F46" s="467">
        <v>922214.96</v>
      </c>
      <c r="G46" s="467">
        <v>908938.39</v>
      </c>
      <c r="H46" s="467">
        <v>0</v>
      </c>
      <c r="I46" s="583">
        <v>0</v>
      </c>
    </row>
    <row r="47" spans="1:11" ht="10.5" x14ac:dyDescent="0.2">
      <c r="A47" s="23" t="s">
        <v>288</v>
      </c>
      <c r="B47" s="408">
        <v>443300</v>
      </c>
      <c r="C47" s="467">
        <v>443300</v>
      </c>
      <c r="D47" s="467">
        <v>0</v>
      </c>
      <c r="E47" s="467">
        <v>37711</v>
      </c>
      <c r="F47" s="467">
        <v>0</v>
      </c>
      <c r="G47" s="467">
        <v>8211</v>
      </c>
      <c r="H47" s="467">
        <v>0</v>
      </c>
      <c r="I47" s="583">
        <v>0</v>
      </c>
    </row>
    <row r="48" spans="1:11" ht="10.5" x14ac:dyDescent="0.2">
      <c r="A48" s="300" t="s">
        <v>135</v>
      </c>
      <c r="B48" s="406">
        <v>1542616900</v>
      </c>
      <c r="C48" s="582">
        <v>2004994568</v>
      </c>
      <c r="D48" s="582">
        <v>1270786347.0900002</v>
      </c>
      <c r="E48" s="582">
        <v>1039971312</v>
      </c>
      <c r="F48" s="582">
        <v>1218349548.05</v>
      </c>
      <c r="G48" s="582">
        <v>1029452270.48</v>
      </c>
      <c r="H48" s="582">
        <v>0</v>
      </c>
      <c r="I48" s="583">
        <v>0</v>
      </c>
    </row>
    <row r="49" spans="1:10" ht="10.5" x14ac:dyDescent="0.2">
      <c r="A49" s="23" t="s">
        <v>201</v>
      </c>
      <c r="B49" s="408">
        <v>1497784900</v>
      </c>
      <c r="C49" s="467">
        <v>1819965168.5799999</v>
      </c>
      <c r="D49" s="467">
        <v>1089280658.3800001</v>
      </c>
      <c r="E49" s="467">
        <v>892213143</v>
      </c>
      <c r="F49" s="467">
        <v>1048772267.0600001</v>
      </c>
      <c r="G49" s="467">
        <v>881795687.25999999</v>
      </c>
      <c r="H49" s="467">
        <v>0</v>
      </c>
      <c r="I49" s="583">
        <v>0</v>
      </c>
    </row>
    <row r="50" spans="1:10" ht="10.5" x14ac:dyDescent="0.2">
      <c r="A50" s="23" t="s">
        <v>289</v>
      </c>
      <c r="B50" s="408">
        <v>1251676900</v>
      </c>
      <c r="C50" s="467">
        <v>1659267505.9799998</v>
      </c>
      <c r="D50" s="467">
        <v>928582995.77999997</v>
      </c>
      <c r="E50" s="467">
        <v>734053400</v>
      </c>
      <c r="F50" s="467">
        <v>915311874.94000006</v>
      </c>
      <c r="G50" s="467">
        <v>727397404.35000002</v>
      </c>
      <c r="H50" s="467">
        <v>0</v>
      </c>
      <c r="I50" s="583">
        <v>0</v>
      </c>
    </row>
    <row r="51" spans="1:10" ht="10.5" x14ac:dyDescent="0.2">
      <c r="A51" s="23" t="s">
        <v>290</v>
      </c>
      <c r="B51" s="408">
        <v>240216000</v>
      </c>
      <c r="C51" s="467">
        <v>151938666.15000001</v>
      </c>
      <c r="D51" s="467">
        <v>151938666.15000001</v>
      </c>
      <c r="E51" s="467">
        <v>148451442</v>
      </c>
      <c r="F51" s="467">
        <v>126742185.07000001</v>
      </c>
      <c r="G51" s="467">
        <v>144680830.12</v>
      </c>
      <c r="H51" s="467">
        <v>0</v>
      </c>
      <c r="I51" s="583">
        <v>0</v>
      </c>
    </row>
    <row r="52" spans="1:10" s="192" customFormat="1" ht="10.5" x14ac:dyDescent="0.15">
      <c r="A52" s="23" t="s">
        <v>291</v>
      </c>
      <c r="B52" s="584">
        <v>5892000</v>
      </c>
      <c r="C52" s="467">
        <v>8758996.4499999993</v>
      </c>
      <c r="D52" s="467">
        <v>8758996.4499999993</v>
      </c>
      <c r="E52" s="467">
        <v>9708301</v>
      </c>
      <c r="F52" s="467">
        <v>6718207.0500000007</v>
      </c>
      <c r="G52" s="467">
        <v>9717452.7899999991</v>
      </c>
      <c r="H52" s="467">
        <v>0</v>
      </c>
      <c r="I52" s="583">
        <v>0</v>
      </c>
      <c r="J52" s="340"/>
    </row>
    <row r="53" spans="1:10" s="192" customFormat="1" ht="10.5" x14ac:dyDescent="0.15">
      <c r="A53" s="23" t="s">
        <v>202</v>
      </c>
      <c r="B53" s="573">
        <v>44580000</v>
      </c>
      <c r="C53" s="467">
        <v>176914399.42000002</v>
      </c>
      <c r="D53" s="467">
        <v>176914399.42000002</v>
      </c>
      <c r="E53" s="467">
        <v>147758169</v>
      </c>
      <c r="F53" s="467">
        <v>164987319.94</v>
      </c>
      <c r="G53" s="467">
        <v>147656583.22</v>
      </c>
      <c r="H53" s="467">
        <v>0</v>
      </c>
      <c r="I53" s="583">
        <v>0</v>
      </c>
      <c r="J53" s="340"/>
    </row>
    <row r="54" spans="1:10" s="192" customFormat="1" ht="10.5" x14ac:dyDescent="0.15">
      <c r="A54" s="23" t="s">
        <v>292</v>
      </c>
      <c r="B54" s="584">
        <v>780000</v>
      </c>
      <c r="C54" s="467">
        <v>154015253.99000001</v>
      </c>
      <c r="D54" s="467">
        <v>154015253.99000001</v>
      </c>
      <c r="E54" s="467">
        <v>135333129</v>
      </c>
      <c r="F54" s="467">
        <v>144844944.13999999</v>
      </c>
      <c r="G54" s="467">
        <v>135240682.53</v>
      </c>
      <c r="H54" s="467">
        <v>0</v>
      </c>
      <c r="I54" s="583">
        <v>0</v>
      </c>
      <c r="J54" s="340"/>
    </row>
    <row r="55" spans="1:10" s="192" customFormat="1" ht="10.5" x14ac:dyDescent="0.15">
      <c r="A55" s="23" t="s">
        <v>290</v>
      </c>
      <c r="B55" s="584">
        <v>33600000</v>
      </c>
      <c r="C55" s="467">
        <v>22349330.43</v>
      </c>
      <c r="D55" s="467">
        <v>22349330.43</v>
      </c>
      <c r="E55" s="467">
        <v>12425040</v>
      </c>
      <c r="F55" s="467">
        <v>19624250.27</v>
      </c>
      <c r="G55" s="467">
        <v>12415900.689999999</v>
      </c>
      <c r="H55" s="467">
        <v>0</v>
      </c>
      <c r="I55" s="583">
        <v>0</v>
      </c>
      <c r="J55" s="340"/>
    </row>
    <row r="56" spans="1:10" s="192" customFormat="1" ht="10.5" x14ac:dyDescent="0.15">
      <c r="A56" s="23" t="s">
        <v>291</v>
      </c>
      <c r="B56" s="584">
        <v>10200000</v>
      </c>
      <c r="C56" s="467">
        <v>549815</v>
      </c>
      <c r="D56" s="467">
        <v>549815</v>
      </c>
      <c r="E56" s="467">
        <v>0</v>
      </c>
      <c r="F56" s="467">
        <v>518125.53</v>
      </c>
      <c r="G56" s="467">
        <v>0</v>
      </c>
      <c r="H56" s="467">
        <v>0</v>
      </c>
      <c r="I56" s="583">
        <v>0</v>
      </c>
      <c r="J56" s="340"/>
    </row>
    <row r="57" spans="1:10" s="192" customFormat="1" ht="10.5" x14ac:dyDescent="0.15">
      <c r="A57" s="23" t="s">
        <v>293</v>
      </c>
      <c r="B57" s="573">
        <v>252000</v>
      </c>
      <c r="C57" s="467">
        <v>8115000</v>
      </c>
      <c r="D57" s="467">
        <v>4591289.29</v>
      </c>
      <c r="E57" s="467">
        <v>0</v>
      </c>
      <c r="F57" s="467">
        <v>4589961.05</v>
      </c>
      <c r="G57" s="467">
        <v>0</v>
      </c>
      <c r="H57" s="467">
        <v>0</v>
      </c>
      <c r="I57" s="583">
        <v>0</v>
      </c>
      <c r="J57" s="340"/>
    </row>
    <row r="58" spans="1:10" s="192" customFormat="1" ht="10.5" x14ac:dyDescent="0.15">
      <c r="A58" s="23" t="s">
        <v>229</v>
      </c>
      <c r="B58" s="584">
        <v>0</v>
      </c>
      <c r="C58" s="467">
        <v>8115000</v>
      </c>
      <c r="D58" s="467">
        <v>4591289.29</v>
      </c>
      <c r="E58" s="467">
        <v>0</v>
      </c>
      <c r="F58" s="467">
        <v>4589961.05</v>
      </c>
      <c r="G58" s="467">
        <v>0</v>
      </c>
      <c r="H58" s="467">
        <v>0</v>
      </c>
      <c r="I58" s="583">
        <v>0</v>
      </c>
      <c r="J58" s="340"/>
    </row>
    <row r="59" spans="1:10" s="192" customFormat="1" ht="10.5" x14ac:dyDescent="0.15">
      <c r="A59" s="23" t="s">
        <v>60</v>
      </c>
      <c r="B59" s="584">
        <v>252000</v>
      </c>
      <c r="C59" s="467">
        <v>0</v>
      </c>
      <c r="D59" s="467"/>
      <c r="E59" s="467">
        <v>0</v>
      </c>
      <c r="F59" s="467"/>
      <c r="G59" s="467">
        <v>0</v>
      </c>
      <c r="H59" s="467">
        <v>0</v>
      </c>
      <c r="I59" s="583">
        <v>0</v>
      </c>
      <c r="J59" s="340"/>
    </row>
    <row r="60" spans="1:10" ht="15" customHeight="1" x14ac:dyDescent="0.2">
      <c r="A60" s="322" t="s">
        <v>549</v>
      </c>
      <c r="B60" s="585">
        <v>30000</v>
      </c>
      <c r="C60" s="582">
        <v>30000</v>
      </c>
      <c r="D60" s="467">
        <v>0</v>
      </c>
      <c r="E60" s="467">
        <v>0</v>
      </c>
      <c r="F60" s="467">
        <v>0</v>
      </c>
      <c r="G60" s="467">
        <v>0</v>
      </c>
      <c r="H60" s="467">
        <v>0</v>
      </c>
      <c r="I60" s="583">
        <v>0</v>
      </c>
    </row>
    <row r="61" spans="1:10" ht="15" customHeight="1" x14ac:dyDescent="0.15">
      <c r="A61" s="24" t="s">
        <v>749</v>
      </c>
      <c r="B61" s="342">
        <v>1545817900</v>
      </c>
      <c r="C61" s="342">
        <v>2009258011.76</v>
      </c>
      <c r="D61" s="342">
        <v>1271794775.0500002</v>
      </c>
      <c r="E61" s="586">
        <v>1041367538.92</v>
      </c>
      <c r="F61" s="342">
        <v>1219271763.01</v>
      </c>
      <c r="G61" s="342">
        <v>1030369419.87</v>
      </c>
      <c r="H61" s="587">
        <v>0</v>
      </c>
      <c r="I61" s="588">
        <v>0</v>
      </c>
    </row>
    <row r="62" spans="1:10" ht="5.0999999999999996" customHeight="1" x14ac:dyDescent="0.2">
      <c r="A62" s="125"/>
      <c r="B62" s="589"/>
      <c r="C62" s="589"/>
      <c r="D62" s="589"/>
      <c r="E62" s="589"/>
      <c r="F62" s="590"/>
      <c r="G62" s="590"/>
      <c r="H62" s="590"/>
      <c r="I62" s="590"/>
    </row>
    <row r="63" spans="1:10" ht="15" customHeight="1" x14ac:dyDescent="0.2">
      <c r="A63" s="24" t="s">
        <v>550</v>
      </c>
      <c r="B63" s="342">
        <v>-250000000</v>
      </c>
      <c r="C63" s="342">
        <v>-564158311.13000011</v>
      </c>
      <c r="D63" s="342"/>
      <c r="E63" s="342"/>
      <c r="F63" s="342">
        <v>-703587913.0999999</v>
      </c>
      <c r="G63" s="342">
        <v>-528457623.90999997</v>
      </c>
      <c r="H63" s="342"/>
      <c r="I63" s="343"/>
    </row>
    <row r="64" spans="1:10" ht="5.0999999999999996" customHeight="1" x14ac:dyDescent="0.2">
      <c r="A64" s="28"/>
      <c r="B64" s="25"/>
      <c r="C64" s="25"/>
      <c r="D64" s="25"/>
      <c r="E64" s="25"/>
      <c r="G64" s="175"/>
      <c r="H64" s="175"/>
    </row>
    <row r="65" spans="1:11" s="68" customFormat="1" ht="15" customHeight="1" x14ac:dyDescent="0.15">
      <c r="A65" s="771" t="s">
        <v>551</v>
      </c>
      <c r="B65" s="759" t="s">
        <v>108</v>
      </c>
      <c r="C65" s="760"/>
      <c r="D65" s="759" t="s">
        <v>108</v>
      </c>
      <c r="E65" s="760"/>
      <c r="F65" s="754" t="s">
        <v>109</v>
      </c>
      <c r="G65" s="761"/>
      <c r="H65" s="761"/>
      <c r="I65" s="761"/>
      <c r="J65" s="153"/>
    </row>
    <row r="66" spans="1:11" s="68" customFormat="1" ht="10.5" x14ac:dyDescent="0.2">
      <c r="A66" s="763"/>
      <c r="B66" s="762" t="s">
        <v>111</v>
      </c>
      <c r="C66" s="763"/>
      <c r="D66" s="765" t="s">
        <v>112</v>
      </c>
      <c r="E66" s="744"/>
      <c r="F66" s="739" t="s">
        <v>115</v>
      </c>
      <c r="G66" s="741"/>
      <c r="H66" s="739" t="s">
        <v>115</v>
      </c>
      <c r="I66" s="740"/>
      <c r="J66" s="153"/>
    </row>
    <row r="67" spans="1:11" s="68" customFormat="1" ht="10.5" x14ac:dyDescent="0.2">
      <c r="A67" s="764"/>
      <c r="B67" s="755"/>
      <c r="C67" s="764"/>
      <c r="D67" s="766"/>
      <c r="E67" s="745"/>
      <c r="F67" s="762">
        <v>2015</v>
      </c>
      <c r="G67" s="763"/>
      <c r="H67" s="765">
        <v>2014</v>
      </c>
      <c r="I67" s="770"/>
      <c r="J67" s="153"/>
    </row>
    <row r="68" spans="1:11" ht="10.5" x14ac:dyDescent="0.2">
      <c r="A68" s="157" t="s">
        <v>136</v>
      </c>
      <c r="B68" s="793">
        <v>250000000</v>
      </c>
      <c r="C68" s="794">
        <v>0</v>
      </c>
      <c r="D68" s="659">
        <v>447331104.98000002</v>
      </c>
      <c r="E68" s="672">
        <v>0</v>
      </c>
      <c r="F68" s="793">
        <v>447331104.98000002</v>
      </c>
      <c r="G68" s="794">
        <v>0</v>
      </c>
      <c r="H68" s="793">
        <v>484289936.24000001</v>
      </c>
      <c r="I68" s="795"/>
      <c r="J68" s="390"/>
      <c r="K68" s="201"/>
    </row>
    <row r="69" spans="1:11" ht="10.5" x14ac:dyDescent="0.2">
      <c r="A69" s="157" t="s">
        <v>137</v>
      </c>
      <c r="B69" s="785">
        <v>250000000</v>
      </c>
      <c r="C69" s="787"/>
      <c r="D69" s="659">
        <v>447331104.98000002</v>
      </c>
      <c r="E69" s="672"/>
      <c r="F69" s="785">
        <v>447331104.98000002</v>
      </c>
      <c r="G69" s="787"/>
      <c r="H69" s="785">
        <v>484289936.24000001</v>
      </c>
      <c r="I69" s="786"/>
      <c r="J69" s="390"/>
      <c r="K69" s="201"/>
    </row>
    <row r="70" spans="1:11" ht="10.5" x14ac:dyDescent="0.2">
      <c r="A70" s="117" t="s">
        <v>138</v>
      </c>
      <c r="B70" s="785">
        <v>250000000</v>
      </c>
      <c r="C70" s="787"/>
      <c r="D70" s="659">
        <v>262925043.81</v>
      </c>
      <c r="E70" s="672"/>
      <c r="F70" s="785">
        <v>262925043.81</v>
      </c>
      <c r="G70" s="787"/>
      <c r="H70" s="785">
        <v>274728649.5</v>
      </c>
      <c r="I70" s="786"/>
      <c r="J70" s="390"/>
      <c r="K70" s="201"/>
    </row>
    <row r="71" spans="1:11" ht="10.5" x14ac:dyDescent="0.2">
      <c r="A71" s="117" t="s">
        <v>139</v>
      </c>
      <c r="B71" s="785">
        <v>0</v>
      </c>
      <c r="C71" s="787"/>
      <c r="D71" s="659">
        <v>0</v>
      </c>
      <c r="E71" s="672"/>
      <c r="F71" s="785">
        <v>0</v>
      </c>
      <c r="G71" s="787"/>
      <c r="H71" s="785">
        <v>0</v>
      </c>
      <c r="I71" s="786"/>
      <c r="J71" s="390"/>
      <c r="K71" s="201"/>
    </row>
    <row r="72" spans="1:11" ht="10.5" x14ac:dyDescent="0.2">
      <c r="A72" s="117" t="s">
        <v>140</v>
      </c>
      <c r="B72" s="785">
        <v>0</v>
      </c>
      <c r="C72" s="787"/>
      <c r="D72" s="659">
        <v>184406061.16999999</v>
      </c>
      <c r="E72" s="672"/>
      <c r="F72" s="785">
        <v>184406061.16999999</v>
      </c>
      <c r="G72" s="787"/>
      <c r="H72" s="785">
        <v>209561286.74000001</v>
      </c>
      <c r="I72" s="786"/>
      <c r="J72" s="390"/>
      <c r="K72" s="201"/>
    </row>
    <row r="73" spans="1:11" ht="10.5" x14ac:dyDescent="0.2">
      <c r="A73" s="157" t="s">
        <v>141</v>
      </c>
      <c r="B73" s="785">
        <v>0</v>
      </c>
      <c r="C73" s="787"/>
      <c r="D73" s="659">
        <v>0</v>
      </c>
      <c r="E73" s="672"/>
      <c r="F73" s="785">
        <v>0</v>
      </c>
      <c r="G73" s="787"/>
      <c r="H73" s="785">
        <v>0</v>
      </c>
      <c r="I73" s="786"/>
      <c r="J73" s="390"/>
      <c r="K73" s="201"/>
    </row>
    <row r="74" spans="1:11" ht="10.5" x14ac:dyDescent="0.2">
      <c r="A74" s="117" t="s">
        <v>142</v>
      </c>
      <c r="B74" s="785">
        <v>0</v>
      </c>
      <c r="C74" s="787"/>
      <c r="D74" s="659">
        <v>0</v>
      </c>
      <c r="E74" s="672"/>
      <c r="F74" s="785">
        <v>0</v>
      </c>
      <c r="G74" s="787"/>
      <c r="H74" s="785">
        <v>0</v>
      </c>
      <c r="I74" s="786"/>
      <c r="J74" s="390"/>
      <c r="K74" s="201"/>
    </row>
    <row r="75" spans="1:11" ht="10.5" x14ac:dyDescent="0.2">
      <c r="A75" s="117" t="s">
        <v>143</v>
      </c>
      <c r="B75" s="785">
        <v>0</v>
      </c>
      <c r="C75" s="787"/>
      <c r="D75" s="659">
        <v>0</v>
      </c>
      <c r="E75" s="672"/>
      <c r="F75" s="785">
        <v>0</v>
      </c>
      <c r="G75" s="787"/>
      <c r="H75" s="785">
        <v>0</v>
      </c>
      <c r="I75" s="786"/>
      <c r="J75" s="390"/>
      <c r="K75" s="201"/>
    </row>
    <row r="76" spans="1:11" ht="10.5" x14ac:dyDescent="0.2">
      <c r="A76" s="119" t="s">
        <v>140</v>
      </c>
      <c r="B76" s="788">
        <v>0</v>
      </c>
      <c r="C76" s="790"/>
      <c r="D76" s="710">
        <v>0</v>
      </c>
      <c r="E76" s="723"/>
      <c r="F76" s="788">
        <v>0</v>
      </c>
      <c r="G76" s="790"/>
      <c r="H76" s="788">
        <v>0</v>
      </c>
      <c r="I76" s="789"/>
      <c r="J76" s="390"/>
      <c r="K76" s="201"/>
    </row>
    <row r="77" spans="1:11" ht="5.0999999999999996" customHeight="1" x14ac:dyDescent="0.2">
      <c r="A77" s="174"/>
      <c r="B77" s="174"/>
      <c r="C77" s="174"/>
      <c r="D77" s="188"/>
      <c r="E77" s="188"/>
      <c r="F77" s="188"/>
      <c r="G77" s="70"/>
      <c r="H77" s="70"/>
      <c r="I77" s="70"/>
    </row>
    <row r="78" spans="1:11" s="68" customFormat="1" ht="15" customHeight="1" x14ac:dyDescent="0.2">
      <c r="A78" s="758" t="s">
        <v>144</v>
      </c>
      <c r="B78" s="758"/>
      <c r="C78" s="757"/>
      <c r="D78" s="756" t="s">
        <v>122</v>
      </c>
      <c r="E78" s="758"/>
      <c r="F78" s="758"/>
      <c r="G78" s="758"/>
      <c r="H78" s="758"/>
      <c r="I78" s="758"/>
      <c r="J78" s="153"/>
    </row>
    <row r="79" spans="1:11" ht="15" customHeight="1" x14ac:dyDescent="0.2">
      <c r="A79" s="799" t="s">
        <v>209</v>
      </c>
      <c r="B79" s="799"/>
      <c r="C79" s="800"/>
      <c r="D79" s="778"/>
      <c r="E79" s="779"/>
      <c r="F79" s="779"/>
      <c r="G79" s="779"/>
      <c r="H79" s="779"/>
      <c r="I79" s="779"/>
    </row>
    <row r="80" spans="1:11" ht="5.0999999999999996" customHeight="1" x14ac:dyDescent="0.2">
      <c r="A80" s="173"/>
      <c r="B80" s="173"/>
      <c r="C80" s="173"/>
      <c r="D80" s="172"/>
      <c r="E80" s="172"/>
      <c r="F80" s="172"/>
      <c r="G80" s="76"/>
      <c r="H80" s="76"/>
      <c r="I80" s="76"/>
    </row>
    <row r="81" spans="1:10" s="68" customFormat="1" ht="15" customHeight="1" x14ac:dyDescent="0.2">
      <c r="A81" s="761" t="s">
        <v>552</v>
      </c>
      <c r="B81" s="761"/>
      <c r="C81" s="771"/>
      <c r="D81" s="754" t="s">
        <v>208</v>
      </c>
      <c r="E81" s="761"/>
      <c r="F81" s="761"/>
      <c r="G81" s="761"/>
      <c r="H81" s="761"/>
      <c r="I81" s="761"/>
      <c r="J81" s="153"/>
    </row>
    <row r="82" spans="1:10" s="68" customFormat="1" ht="15" customHeight="1" x14ac:dyDescent="0.2">
      <c r="A82" s="777"/>
      <c r="B82" s="777"/>
      <c r="C82" s="764"/>
      <c r="D82" s="756">
        <v>2015</v>
      </c>
      <c r="E82" s="758"/>
      <c r="F82" s="757"/>
      <c r="G82" s="758">
        <v>2014</v>
      </c>
      <c r="H82" s="758"/>
      <c r="I82" s="758"/>
      <c r="J82" s="153"/>
    </row>
    <row r="83" spans="1:10" ht="10.5" x14ac:dyDescent="0.2">
      <c r="A83" s="780" t="s">
        <v>123</v>
      </c>
      <c r="B83" s="780"/>
      <c r="C83" s="781"/>
      <c r="D83" s="782">
        <v>0</v>
      </c>
      <c r="E83" s="783"/>
      <c r="F83" s="784"/>
      <c r="G83" s="782">
        <v>0</v>
      </c>
      <c r="H83" s="783"/>
      <c r="I83" s="783"/>
    </row>
    <row r="84" spans="1:10" ht="10.5" x14ac:dyDescent="0.2">
      <c r="A84" s="773" t="s">
        <v>124</v>
      </c>
      <c r="B84" s="773"/>
      <c r="C84" s="774"/>
      <c r="D84" s="785">
        <v>71759039.569999993</v>
      </c>
      <c r="E84" s="786"/>
      <c r="F84" s="787"/>
      <c r="G84" s="785">
        <v>2771471.9</v>
      </c>
      <c r="H84" s="786"/>
      <c r="I84" s="786"/>
    </row>
    <row r="85" spans="1:10" ht="10.5" x14ac:dyDescent="0.2">
      <c r="A85" s="773" t="s">
        <v>125</v>
      </c>
      <c r="B85" s="773"/>
      <c r="C85" s="774"/>
      <c r="D85" s="785">
        <v>58609.94</v>
      </c>
      <c r="E85" s="786"/>
      <c r="F85" s="787"/>
      <c r="G85" s="785">
        <v>39409.120000000003</v>
      </c>
      <c r="H85" s="786"/>
      <c r="I85" s="786"/>
    </row>
    <row r="86" spans="1:10" ht="10.5" x14ac:dyDescent="0.2">
      <c r="A86" s="775" t="s">
        <v>126</v>
      </c>
      <c r="B86" s="775"/>
      <c r="C86" s="776"/>
      <c r="D86" s="788">
        <v>0</v>
      </c>
      <c r="E86" s="789"/>
      <c r="F86" s="790"/>
      <c r="G86" s="788">
        <v>0</v>
      </c>
      <c r="H86" s="789"/>
      <c r="I86" s="789"/>
    </row>
    <row r="87" spans="1:10" ht="5.0999999999999996" customHeight="1" x14ac:dyDescent="0.2">
      <c r="A87" s="179"/>
      <c r="B87" s="179"/>
      <c r="C87" s="118"/>
      <c r="D87" s="772"/>
      <c r="E87" s="772"/>
      <c r="F87" s="174"/>
      <c r="G87" s="118"/>
      <c r="H87" s="76"/>
      <c r="I87" s="76"/>
    </row>
    <row r="88" spans="1:10" ht="15" customHeight="1" x14ac:dyDescent="0.15">
      <c r="A88" s="741" t="s">
        <v>145</v>
      </c>
      <c r="B88" s="759" t="s">
        <v>108</v>
      </c>
      <c r="C88" s="760"/>
      <c r="D88" s="759" t="s">
        <v>108</v>
      </c>
      <c r="E88" s="760"/>
      <c r="F88" s="754" t="s">
        <v>109</v>
      </c>
      <c r="G88" s="761"/>
      <c r="H88" s="761"/>
      <c r="I88" s="761"/>
    </row>
    <row r="89" spans="1:10" ht="15" customHeight="1" x14ac:dyDescent="0.2">
      <c r="A89" s="744"/>
      <c r="B89" s="762" t="s">
        <v>111</v>
      </c>
      <c r="C89" s="763"/>
      <c r="D89" s="765" t="s">
        <v>112</v>
      </c>
      <c r="E89" s="744"/>
      <c r="F89" s="739" t="s">
        <v>115</v>
      </c>
      <c r="G89" s="741"/>
      <c r="H89" s="739" t="s">
        <v>115</v>
      </c>
      <c r="I89" s="740"/>
    </row>
    <row r="90" spans="1:10" ht="15" customHeight="1" x14ac:dyDescent="0.2">
      <c r="A90" s="745"/>
      <c r="B90" s="755"/>
      <c r="C90" s="764"/>
      <c r="D90" s="766"/>
      <c r="E90" s="745"/>
      <c r="F90" s="755">
        <v>2015</v>
      </c>
      <c r="G90" s="764"/>
      <c r="H90" s="766">
        <v>2014</v>
      </c>
      <c r="I90" s="767"/>
    </row>
    <row r="91" spans="1:10" ht="11.25" customHeight="1" x14ac:dyDescent="0.2">
      <c r="A91" s="153" t="s">
        <v>147</v>
      </c>
      <c r="B91" s="679">
        <v>914247000</v>
      </c>
      <c r="C91" s="680">
        <v>0</v>
      </c>
      <c r="D91" s="679">
        <v>918768771.01999998</v>
      </c>
      <c r="E91" s="680">
        <v>0</v>
      </c>
      <c r="F91" s="665">
        <v>303078211.69</v>
      </c>
      <c r="G91" s="676">
        <v>0</v>
      </c>
      <c r="H91" s="665">
        <v>305055894.66000003</v>
      </c>
      <c r="I91" s="666">
        <v>0</v>
      </c>
    </row>
    <row r="92" spans="1:10" ht="11.25" customHeight="1" x14ac:dyDescent="0.2">
      <c r="A92" s="176" t="s">
        <v>178</v>
      </c>
      <c r="B92" s="659">
        <v>914247000</v>
      </c>
      <c r="C92" s="672"/>
      <c r="D92" s="659">
        <v>918768771.01999998</v>
      </c>
      <c r="E92" s="672"/>
      <c r="F92" s="659">
        <v>303078211.69</v>
      </c>
      <c r="G92" s="672"/>
      <c r="H92" s="659">
        <v>305055894.66000003</v>
      </c>
      <c r="I92" s="660"/>
    </row>
    <row r="93" spans="1:10" ht="11.25" customHeight="1" x14ac:dyDescent="0.2">
      <c r="A93" s="176" t="s">
        <v>146</v>
      </c>
      <c r="B93" s="659">
        <v>914247000</v>
      </c>
      <c r="C93" s="672"/>
      <c r="D93" s="659">
        <v>918768771.01999998</v>
      </c>
      <c r="E93" s="672"/>
      <c r="F93" s="659">
        <v>303078211.69</v>
      </c>
      <c r="G93" s="672"/>
      <c r="H93" s="659">
        <v>305055894.66000003</v>
      </c>
      <c r="I93" s="660"/>
    </row>
    <row r="94" spans="1:10" ht="11.25" customHeight="1" x14ac:dyDescent="0.2">
      <c r="A94" s="176" t="s">
        <v>283</v>
      </c>
      <c r="B94" s="659">
        <v>264247000</v>
      </c>
      <c r="C94" s="672"/>
      <c r="D94" s="659">
        <v>268768771.01999998</v>
      </c>
      <c r="E94" s="672"/>
      <c r="F94" s="659">
        <v>268768771.01999998</v>
      </c>
      <c r="G94" s="672"/>
      <c r="H94" s="659">
        <v>252878397.49000001</v>
      </c>
      <c r="I94" s="660"/>
    </row>
    <row r="95" spans="1:10" ht="11.25" customHeight="1" x14ac:dyDescent="0.2">
      <c r="A95" s="176" t="s">
        <v>129</v>
      </c>
      <c r="B95" s="659">
        <v>264247000</v>
      </c>
      <c r="C95" s="672"/>
      <c r="D95" s="659">
        <v>268768771.01999998</v>
      </c>
      <c r="E95" s="672"/>
      <c r="F95" s="659">
        <v>268768771.01999998</v>
      </c>
      <c r="G95" s="672"/>
      <c r="H95" s="659">
        <v>252878397.49000001</v>
      </c>
      <c r="I95" s="660"/>
    </row>
    <row r="96" spans="1:10" ht="11.25" customHeight="1" x14ac:dyDescent="0.2">
      <c r="A96" s="176" t="s">
        <v>130</v>
      </c>
      <c r="B96" s="659">
        <v>0</v>
      </c>
      <c r="C96" s="672"/>
      <c r="D96" s="659">
        <v>0</v>
      </c>
      <c r="E96" s="672"/>
      <c r="F96" s="659">
        <v>0</v>
      </c>
      <c r="G96" s="672"/>
      <c r="H96" s="659">
        <v>0</v>
      </c>
      <c r="I96" s="660"/>
    </row>
    <row r="97" spans="1:9" ht="11.25" customHeight="1" x14ac:dyDescent="0.2">
      <c r="A97" s="176" t="s">
        <v>131</v>
      </c>
      <c r="B97" s="659">
        <v>0</v>
      </c>
      <c r="C97" s="672"/>
      <c r="D97" s="659">
        <v>0</v>
      </c>
      <c r="E97" s="672"/>
      <c r="F97" s="659">
        <v>0</v>
      </c>
      <c r="G97" s="672"/>
      <c r="H97" s="659">
        <v>0</v>
      </c>
      <c r="I97" s="660"/>
    </row>
    <row r="98" spans="1:9" ht="11.25" customHeight="1" x14ac:dyDescent="0.2">
      <c r="A98" s="176" t="s">
        <v>284</v>
      </c>
      <c r="B98" s="659">
        <v>650000000</v>
      </c>
      <c r="C98" s="672"/>
      <c r="D98" s="659">
        <v>650000000</v>
      </c>
      <c r="E98" s="672"/>
      <c r="F98" s="659">
        <v>34309440.670000002</v>
      </c>
      <c r="G98" s="672"/>
      <c r="H98" s="659">
        <v>52177497.170000002</v>
      </c>
      <c r="I98" s="660"/>
    </row>
    <row r="99" spans="1:9" ht="11.25" customHeight="1" x14ac:dyDescent="0.2">
      <c r="A99" s="176" t="s">
        <v>132</v>
      </c>
      <c r="B99" s="659">
        <v>650000000</v>
      </c>
      <c r="C99" s="672"/>
      <c r="D99" s="659">
        <v>650000000</v>
      </c>
      <c r="E99" s="672"/>
      <c r="F99" s="659">
        <v>34309440.670000002</v>
      </c>
      <c r="G99" s="672"/>
      <c r="H99" s="659">
        <v>52177497.170000002</v>
      </c>
      <c r="I99" s="660"/>
    </row>
    <row r="100" spans="1:9" ht="11.25" customHeight="1" x14ac:dyDescent="0.2">
      <c r="A100" s="176" t="s">
        <v>133</v>
      </c>
      <c r="B100" s="659">
        <v>0</v>
      </c>
      <c r="C100" s="672"/>
      <c r="D100" s="659">
        <v>0</v>
      </c>
      <c r="E100" s="672"/>
      <c r="F100" s="659">
        <v>0</v>
      </c>
      <c r="G100" s="672"/>
      <c r="H100" s="659">
        <v>0</v>
      </c>
      <c r="I100" s="660"/>
    </row>
    <row r="101" spans="1:9" ht="11.25" customHeight="1" x14ac:dyDescent="0.2">
      <c r="A101" s="176" t="s">
        <v>748</v>
      </c>
      <c r="B101" s="659">
        <v>0</v>
      </c>
      <c r="C101" s="672"/>
      <c r="D101" s="659">
        <v>0</v>
      </c>
      <c r="E101" s="672"/>
      <c r="F101" s="659">
        <v>0</v>
      </c>
      <c r="G101" s="672"/>
      <c r="H101" s="659">
        <v>0</v>
      </c>
      <c r="I101" s="660"/>
    </row>
    <row r="102" spans="1:9" ht="11.25" customHeight="1" x14ac:dyDescent="0.2">
      <c r="A102" s="176" t="s">
        <v>768</v>
      </c>
      <c r="B102" s="659">
        <v>0</v>
      </c>
      <c r="C102" s="672"/>
      <c r="D102" s="659">
        <v>0</v>
      </c>
      <c r="E102" s="672"/>
      <c r="F102" s="659">
        <v>0</v>
      </c>
      <c r="G102" s="672"/>
      <c r="H102" s="659">
        <v>0</v>
      </c>
      <c r="I102" s="660"/>
    </row>
    <row r="103" spans="1:9" ht="11.25" customHeight="1" x14ac:dyDescent="0.2">
      <c r="A103" s="176" t="s">
        <v>769</v>
      </c>
      <c r="B103" s="659">
        <v>0</v>
      </c>
      <c r="C103" s="672"/>
      <c r="D103" s="659">
        <v>0</v>
      </c>
      <c r="E103" s="672"/>
      <c r="F103" s="659">
        <v>0</v>
      </c>
      <c r="G103" s="672"/>
      <c r="H103" s="659">
        <v>0</v>
      </c>
      <c r="I103" s="660"/>
    </row>
    <row r="104" spans="1:9" ht="11.25" customHeight="1" x14ac:dyDescent="0.2">
      <c r="A104" s="176" t="s">
        <v>179</v>
      </c>
      <c r="B104" s="659">
        <v>0</v>
      </c>
      <c r="C104" s="672"/>
      <c r="D104" s="659">
        <v>0</v>
      </c>
      <c r="E104" s="672"/>
      <c r="F104" s="659">
        <v>0</v>
      </c>
      <c r="G104" s="672"/>
      <c r="H104" s="659">
        <v>0</v>
      </c>
      <c r="I104" s="660"/>
    </row>
    <row r="105" spans="1:9" ht="11.25" customHeight="1" x14ac:dyDescent="0.2">
      <c r="A105" s="176" t="s">
        <v>186</v>
      </c>
      <c r="B105" s="659">
        <v>0</v>
      </c>
      <c r="C105" s="672"/>
      <c r="D105" s="659">
        <v>0</v>
      </c>
      <c r="E105" s="672"/>
      <c r="F105" s="659">
        <v>0</v>
      </c>
      <c r="G105" s="672"/>
      <c r="H105" s="659">
        <v>0</v>
      </c>
      <c r="I105" s="660"/>
    </row>
    <row r="106" spans="1:9" ht="11.25" customHeight="1" x14ac:dyDescent="0.2">
      <c r="A106" s="176" t="s">
        <v>183</v>
      </c>
      <c r="B106" s="659">
        <v>0</v>
      </c>
      <c r="C106" s="672"/>
      <c r="D106" s="659">
        <v>0</v>
      </c>
      <c r="E106" s="672"/>
      <c r="F106" s="659">
        <v>0</v>
      </c>
      <c r="G106" s="672"/>
      <c r="H106" s="659">
        <v>0</v>
      </c>
      <c r="I106" s="660"/>
    </row>
    <row r="107" spans="1:9" ht="11.25" customHeight="1" x14ac:dyDescent="0.2">
      <c r="A107" s="68" t="s">
        <v>148</v>
      </c>
      <c r="B107" s="659">
        <v>0</v>
      </c>
      <c r="C107" s="672">
        <v>0</v>
      </c>
      <c r="D107" s="659">
        <v>0</v>
      </c>
      <c r="E107" s="672">
        <v>0</v>
      </c>
      <c r="F107" s="659">
        <v>0</v>
      </c>
      <c r="G107" s="672">
        <v>0</v>
      </c>
      <c r="H107" s="659">
        <v>0</v>
      </c>
      <c r="I107" s="660">
        <v>0</v>
      </c>
    </row>
    <row r="108" spans="1:9" ht="11.25" customHeight="1" x14ac:dyDescent="0.2">
      <c r="A108" s="121" t="s">
        <v>812</v>
      </c>
      <c r="B108" s="659">
        <v>0</v>
      </c>
      <c r="C108" s="672"/>
      <c r="D108" s="659">
        <v>0</v>
      </c>
      <c r="E108" s="672"/>
      <c r="F108" s="659">
        <v>0</v>
      </c>
      <c r="G108" s="672"/>
      <c r="H108" s="659">
        <v>0</v>
      </c>
      <c r="I108" s="660"/>
    </row>
    <row r="109" spans="1:9" ht="11.25" customHeight="1" x14ac:dyDescent="0.2">
      <c r="A109" s="176" t="s">
        <v>814</v>
      </c>
      <c r="B109" s="659">
        <v>0</v>
      </c>
      <c r="C109" s="672"/>
      <c r="D109" s="659">
        <v>0</v>
      </c>
      <c r="E109" s="672"/>
      <c r="F109" s="659">
        <v>0</v>
      </c>
      <c r="G109" s="672"/>
      <c r="H109" s="659">
        <v>0</v>
      </c>
      <c r="I109" s="660"/>
    </row>
    <row r="110" spans="1:9" ht="11.25" customHeight="1" x14ac:dyDescent="0.2">
      <c r="A110" s="121" t="s">
        <v>813</v>
      </c>
      <c r="B110" s="659">
        <v>0</v>
      </c>
      <c r="C110" s="672"/>
      <c r="D110" s="659">
        <v>0</v>
      </c>
      <c r="E110" s="672"/>
      <c r="F110" s="659">
        <v>0</v>
      </c>
      <c r="G110" s="672"/>
      <c r="H110" s="659">
        <v>0</v>
      </c>
      <c r="I110" s="660"/>
    </row>
    <row r="111" spans="1:9" ht="11.25" customHeight="1" x14ac:dyDescent="0.2">
      <c r="A111" s="68"/>
      <c r="B111" s="659">
        <v>0</v>
      </c>
      <c r="C111" s="672"/>
      <c r="D111" s="659">
        <v>0</v>
      </c>
      <c r="E111" s="672"/>
      <c r="F111" s="659">
        <v>0</v>
      </c>
      <c r="G111" s="672"/>
      <c r="H111" s="659">
        <v>0</v>
      </c>
      <c r="I111" s="660"/>
    </row>
    <row r="112" spans="1:9" ht="26.25" customHeight="1" x14ac:dyDescent="0.2">
      <c r="A112" s="160" t="s">
        <v>767</v>
      </c>
      <c r="B112" s="669">
        <v>914247000</v>
      </c>
      <c r="C112" s="670"/>
      <c r="D112" s="669">
        <v>918768771.01999998</v>
      </c>
      <c r="E112" s="670"/>
      <c r="F112" s="669">
        <v>303078211.69</v>
      </c>
      <c r="G112" s="708"/>
      <c r="H112" s="669">
        <v>305055894.66000003</v>
      </c>
      <c r="I112" s="708"/>
    </row>
    <row r="113" spans="1:10" ht="5.0999999999999996" customHeight="1" x14ac:dyDescent="0.15">
      <c r="A113" s="193"/>
      <c r="B113" s="194"/>
      <c r="C113" s="194"/>
      <c r="D113" s="195"/>
      <c r="E113" s="195"/>
      <c r="F113" s="195"/>
      <c r="G113" s="196"/>
      <c r="H113" s="196"/>
      <c r="I113" s="196"/>
    </row>
    <row r="114" spans="1:10" ht="30" customHeight="1" x14ac:dyDescent="0.15">
      <c r="A114" s="796" t="s">
        <v>149</v>
      </c>
      <c r="B114" s="197" t="s">
        <v>157</v>
      </c>
      <c r="C114" s="197" t="s">
        <v>157</v>
      </c>
      <c r="D114" s="690" t="s">
        <v>158</v>
      </c>
      <c r="E114" s="692"/>
      <c r="F114" s="756" t="s">
        <v>159</v>
      </c>
      <c r="G114" s="757"/>
      <c r="H114" s="756" t="s">
        <v>348</v>
      </c>
      <c r="I114" s="758"/>
    </row>
    <row r="115" spans="1:10" ht="15" customHeight="1" x14ac:dyDescent="0.2">
      <c r="A115" s="797"/>
      <c r="B115" s="768" t="s">
        <v>111</v>
      </c>
      <c r="C115" s="768" t="s">
        <v>112</v>
      </c>
      <c r="D115" s="169" t="s">
        <v>115</v>
      </c>
      <c r="E115" s="169" t="s">
        <v>115</v>
      </c>
      <c r="F115" s="169" t="s">
        <v>115</v>
      </c>
      <c r="G115" s="169" t="s">
        <v>115</v>
      </c>
      <c r="H115" s="752" t="s">
        <v>745</v>
      </c>
      <c r="I115" s="754" t="s">
        <v>746</v>
      </c>
    </row>
    <row r="116" spans="1:10" ht="15" customHeight="1" x14ac:dyDescent="0.2">
      <c r="A116" s="798"/>
      <c r="B116" s="743"/>
      <c r="C116" s="743"/>
      <c r="D116" s="170">
        <v>2015</v>
      </c>
      <c r="E116" s="171">
        <v>2014</v>
      </c>
      <c r="F116" s="170">
        <v>2015</v>
      </c>
      <c r="G116" s="171">
        <v>2014</v>
      </c>
      <c r="H116" s="753"/>
      <c r="I116" s="755"/>
    </row>
    <row r="117" spans="1:10" s="68" customFormat="1" ht="11.25" customHeight="1" x14ac:dyDescent="0.2">
      <c r="A117" s="158" t="s">
        <v>150</v>
      </c>
      <c r="B117" s="413">
        <v>30000</v>
      </c>
      <c r="C117" s="413">
        <v>30000</v>
      </c>
      <c r="D117" s="413">
        <v>0</v>
      </c>
      <c r="E117" s="413">
        <v>0</v>
      </c>
      <c r="F117" s="413">
        <v>0</v>
      </c>
      <c r="G117" s="413">
        <v>0</v>
      </c>
      <c r="H117" s="413">
        <v>0</v>
      </c>
      <c r="I117" s="591">
        <v>0</v>
      </c>
      <c r="J117" s="153"/>
    </row>
    <row r="118" spans="1:10" ht="11.25" customHeight="1" x14ac:dyDescent="0.2">
      <c r="A118" s="26" t="s">
        <v>204</v>
      </c>
      <c r="B118" s="408">
        <v>30000</v>
      </c>
      <c r="C118" s="408">
        <v>30000</v>
      </c>
      <c r="D118" s="408"/>
      <c r="E118" s="408"/>
      <c r="F118" s="408"/>
      <c r="G118" s="408">
        <v>0</v>
      </c>
      <c r="H118" s="408"/>
      <c r="I118" s="589"/>
    </row>
    <row r="119" spans="1:10" ht="11.25" customHeight="1" x14ac:dyDescent="0.2">
      <c r="A119" s="27" t="s">
        <v>205</v>
      </c>
      <c r="B119" s="408"/>
      <c r="C119" s="408"/>
      <c r="D119" s="408"/>
      <c r="E119" s="408"/>
      <c r="F119" s="408"/>
      <c r="G119" s="408">
        <v>0</v>
      </c>
      <c r="H119" s="408"/>
      <c r="I119" s="589"/>
    </row>
    <row r="120" spans="1:10" ht="24.95" customHeight="1" x14ac:dyDescent="0.2">
      <c r="A120" s="382" t="s">
        <v>151</v>
      </c>
      <c r="B120" s="342">
        <v>30000</v>
      </c>
      <c r="C120" s="342">
        <v>30000</v>
      </c>
      <c r="D120" s="342">
        <v>0</v>
      </c>
      <c r="E120" s="342">
        <v>0</v>
      </c>
      <c r="F120" s="342">
        <v>0</v>
      </c>
      <c r="G120" s="342">
        <v>0</v>
      </c>
      <c r="H120" s="342">
        <v>0</v>
      </c>
      <c r="I120" s="343">
        <v>0</v>
      </c>
    </row>
    <row r="121" spans="1:10" ht="11.25" customHeight="1" x14ac:dyDescent="0.2">
      <c r="A121" s="273" t="s">
        <v>862</v>
      </c>
      <c r="I121" s="306"/>
    </row>
    <row r="122" spans="1:10" ht="11.25" customHeight="1" x14ac:dyDescent="0.2">
      <c r="A122" s="273"/>
      <c r="C122" s="440"/>
      <c r="G122" s="440"/>
    </row>
    <row r="124" spans="1:10" s="273" customFormat="1" ht="11.25" customHeight="1" x14ac:dyDescent="0.2">
      <c r="C124" s="440"/>
      <c r="F124" s="214"/>
      <c r="G124" s="440"/>
      <c r="I124" s="214"/>
      <c r="J124" s="214"/>
    </row>
    <row r="127" spans="1:10" s="273" customFormat="1" ht="11.25" customHeight="1" x14ac:dyDescent="0.2">
      <c r="F127" s="214"/>
      <c r="I127" s="214"/>
      <c r="J127" s="214"/>
    </row>
    <row r="128" spans="1:10" s="273" customFormat="1" ht="11.25" customHeight="1" x14ac:dyDescent="0.2">
      <c r="F128" s="214"/>
      <c r="I128" s="214"/>
      <c r="J128" s="214"/>
    </row>
    <row r="130" spans="1:9" ht="11.25" customHeight="1" x14ac:dyDescent="0.2">
      <c r="A130" s="273"/>
      <c r="B130" s="273"/>
      <c r="C130" s="273"/>
      <c r="D130" s="273"/>
      <c r="E130" s="273"/>
      <c r="F130" s="214"/>
      <c r="G130" s="273"/>
      <c r="H130" s="273"/>
      <c r="I130" s="214"/>
    </row>
    <row r="131" spans="1:9" s="46" customFormat="1" ht="11.25" customHeight="1" x14ac:dyDescent="0.2"/>
    <row r="132" spans="1:9" s="46" customFormat="1" ht="11.25" customHeight="1" x14ac:dyDescent="0.2"/>
    <row r="133" spans="1:9" s="46" customFormat="1" ht="11.25" customHeight="1" x14ac:dyDescent="0.2"/>
    <row r="134" spans="1:9" s="46" customFormat="1" ht="11.25" customHeight="1" x14ac:dyDescent="0.2"/>
    <row r="135" spans="1:9" s="46" customFormat="1" ht="11.25" customHeight="1" x14ac:dyDescent="0.2"/>
    <row r="136" spans="1:9" s="46" customFormat="1" ht="11.25" customHeight="1" x14ac:dyDescent="0.2"/>
    <row r="137" spans="1:9" s="46" customFormat="1" ht="11.25" customHeight="1" x14ac:dyDescent="0.2"/>
  </sheetData>
  <customSheetViews>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51" orientation="portrait" r:id="rId1"/>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2"/>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3"/>
      <headerFooter alignWithMargins="0"/>
    </customSheetView>
    <customSheetView guid="{82EDB5A4-4824-4632-A540-7A52C92F04C7}" showPageBreaks="1" showGridLines="0" fitToPage="1" topLeftCell="A10">
      <pane xSplit="1" ySplit="3" topLeftCell="B40" activePane="bottomRight" state="frozen"/>
      <selection pane="bottomRight" activeCell="D56" sqref="D56"/>
      <pageMargins left="0.19685039370078741" right="0.19685039370078741" top="0.59055118110236227" bottom="0.19685039370078741" header="0" footer="0"/>
      <printOptions horizontalCentered="1"/>
      <pageSetup paperSize="9" scale="46" orientation="portrait" r:id="rId4"/>
      <headerFooter alignWithMargins="0"/>
    </customSheetView>
    <customSheetView guid="{C779D862-DE28-46CD-A428-4AAA1056D1E1}" showPageBreaks="1" showGridLines="0" fitToPage="1" printArea="1">
      <selection activeCell="D86" sqref="D86:F86"/>
      <pageMargins left="0.19685039370078741" right="0.19685039370078741" top="0.59055118110236227" bottom="0.19685039370078741" header="0" footer="0"/>
      <printOptions horizontalCentered="1"/>
      <pageSetup paperSize="9" scale="45" orientation="portrait" r:id="rId5"/>
      <headerFooter alignWithMargins="0"/>
    </customSheetView>
    <customSheetView guid="{25EF1E0D-169B-4051-B414-7E1196FC05E4}" showPageBreaks="1" showGridLines="0" fitToPage="1" printArea="1" topLeftCell="A70">
      <selection activeCell="D86" sqref="D86:F86"/>
      <pageMargins left="0.19685039370078741" right="0.19685039370078741" top="0.59055118110236227" bottom="0.19685039370078741" header="0" footer="0"/>
      <printOptions horizontalCentered="1"/>
      <pageSetup paperSize="9" scale="45" orientation="portrait" r:id="rId6"/>
      <headerFooter alignWithMargins="0"/>
    </customSheetView>
    <customSheetView guid="{3AAF6A5F-F9AA-430B-9AD9-1261ECDF41B5}" showPageBreaks="1" showGridLines="0" fitToPage="1">
      <selection activeCell="A124" sqref="A124:XFD124"/>
      <pageMargins left="0.19685039370078741" right="0.19685039370078741" top="0.59055118110236227" bottom="0.19685039370078741" header="0" footer="0"/>
      <printOptions horizontalCentered="1"/>
      <pageSetup paperSize="9" scale="45" orientation="portrait" r:id="rId7"/>
      <headerFooter alignWithMargins="0"/>
    </customSheetView>
  </customSheetViews>
  <mergeCells count="305">
    <mergeCell ref="H76:I76"/>
    <mergeCell ref="B70:C70"/>
    <mergeCell ref="B71:C71"/>
    <mergeCell ref="B72:C72"/>
    <mergeCell ref="B73:C73"/>
    <mergeCell ref="B74:C74"/>
    <mergeCell ref="B75:C75"/>
    <mergeCell ref="B76:C76"/>
    <mergeCell ref="D71:E71"/>
    <mergeCell ref="D72:E72"/>
    <mergeCell ref="D73:E73"/>
    <mergeCell ref="D74:E74"/>
    <mergeCell ref="D75:E75"/>
    <mergeCell ref="D76:E76"/>
    <mergeCell ref="D70:E70"/>
    <mergeCell ref="H70:I70"/>
    <mergeCell ref="H71:I71"/>
    <mergeCell ref="H72:I72"/>
    <mergeCell ref="H73:I73"/>
    <mergeCell ref="H74:I74"/>
    <mergeCell ref="H75:I75"/>
    <mergeCell ref="A114:A116"/>
    <mergeCell ref="F70:G70"/>
    <mergeCell ref="F71:G71"/>
    <mergeCell ref="F72:G72"/>
    <mergeCell ref="F73:G73"/>
    <mergeCell ref="F74:G74"/>
    <mergeCell ref="F75:G75"/>
    <mergeCell ref="F76:G7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A79:C79"/>
    <mergeCell ref="B66:C67"/>
    <mergeCell ref="D66:E67"/>
    <mergeCell ref="F66:G66"/>
    <mergeCell ref="H66:I66"/>
    <mergeCell ref="F67:G67"/>
    <mergeCell ref="H67:I67"/>
    <mergeCell ref="B68:C68"/>
    <mergeCell ref="B69:C69"/>
    <mergeCell ref="F68:G68"/>
    <mergeCell ref="F69:G69"/>
    <mergeCell ref="H68:I68"/>
    <mergeCell ref="D68:E68"/>
    <mergeCell ref="D69:E69"/>
    <mergeCell ref="H69:I69"/>
    <mergeCell ref="H100:I100"/>
    <mergeCell ref="B101:C101"/>
    <mergeCell ref="F101:G101"/>
    <mergeCell ref="H101:I101"/>
    <mergeCell ref="B102:C102"/>
    <mergeCell ref="F102:G102"/>
    <mergeCell ref="H102:I102"/>
    <mergeCell ref="D107:E107"/>
    <mergeCell ref="F107:G107"/>
    <mergeCell ref="H107:I107"/>
    <mergeCell ref="D101:E101"/>
    <mergeCell ref="D102:E102"/>
    <mergeCell ref="D103:E103"/>
    <mergeCell ref="D104:E104"/>
    <mergeCell ref="D105:E105"/>
    <mergeCell ref="D106:E106"/>
    <mergeCell ref="B35:C35"/>
    <mergeCell ref="D35:E35"/>
    <mergeCell ref="F35:G35"/>
    <mergeCell ref="H35:I35"/>
    <mergeCell ref="H39:I39"/>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B25:C25"/>
    <mergeCell ref="D25:E25"/>
    <mergeCell ref="F25:G25"/>
    <mergeCell ref="H25:I25"/>
    <mergeCell ref="B26:C26"/>
    <mergeCell ref="D26:E26"/>
    <mergeCell ref="F26:G26"/>
    <mergeCell ref="H26:I26"/>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22:C22"/>
    <mergeCell ref="D22:E22"/>
    <mergeCell ref="F22:G22"/>
    <mergeCell ref="H22:I22"/>
    <mergeCell ref="B23:C23"/>
    <mergeCell ref="D23:E23"/>
    <mergeCell ref="F23:G23"/>
    <mergeCell ref="H23:I23"/>
    <mergeCell ref="B24:C24"/>
    <mergeCell ref="D24:E24"/>
    <mergeCell ref="F24:G24"/>
    <mergeCell ref="H24:I24"/>
    <mergeCell ref="A65:A67"/>
    <mergeCell ref="A78:C78"/>
    <mergeCell ref="D78:I78"/>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B65:C65"/>
    <mergeCell ref="D65:E65"/>
    <mergeCell ref="F65:I65"/>
    <mergeCell ref="H42:H43"/>
    <mergeCell ref="I42:I43"/>
    <mergeCell ref="H41:I41"/>
    <mergeCell ref="B14:C14"/>
    <mergeCell ref="D14:E14"/>
    <mergeCell ref="F36:G36"/>
    <mergeCell ref="H34:I34"/>
    <mergeCell ref="H36:I36"/>
    <mergeCell ref="F30:G30"/>
    <mergeCell ref="F31:G31"/>
    <mergeCell ref="F32:G32"/>
    <mergeCell ref="F33:G33"/>
    <mergeCell ref="F34:G34"/>
    <mergeCell ref="F16:G16"/>
    <mergeCell ref="H16:I16"/>
    <mergeCell ref="H17:I17"/>
    <mergeCell ref="H30:I30"/>
    <mergeCell ref="H31:I31"/>
    <mergeCell ref="H32:I32"/>
    <mergeCell ref="H33:I33"/>
    <mergeCell ref="B18:C18"/>
    <mergeCell ref="D18:E18"/>
    <mergeCell ref="F18:G18"/>
    <mergeCell ref="H18:I18"/>
    <mergeCell ref="B15:C15"/>
    <mergeCell ref="H13:I13"/>
    <mergeCell ref="H14:I14"/>
    <mergeCell ref="A6:I6"/>
    <mergeCell ref="A7:I7"/>
    <mergeCell ref="F14:G14"/>
    <mergeCell ref="F15:G15"/>
    <mergeCell ref="H15:I15"/>
    <mergeCell ref="D41:E41"/>
    <mergeCell ref="F41:G41"/>
    <mergeCell ref="H38:I38"/>
    <mergeCell ref="F38:G38"/>
    <mergeCell ref="B19:C19"/>
    <mergeCell ref="D19:E19"/>
    <mergeCell ref="F19:G19"/>
    <mergeCell ref="H19:I19"/>
    <mergeCell ref="B20:C20"/>
    <mergeCell ref="D20:E20"/>
    <mergeCell ref="F20:G20"/>
    <mergeCell ref="H20:I20"/>
    <mergeCell ref="B21:C21"/>
    <mergeCell ref="D21:E21"/>
    <mergeCell ref="F21:G21"/>
    <mergeCell ref="H21:I21"/>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F17:G17"/>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A88:A90"/>
    <mergeCell ref="B88:C88"/>
    <mergeCell ref="D88:E88"/>
    <mergeCell ref="F88:I88"/>
    <mergeCell ref="B89:C90"/>
    <mergeCell ref="D89:E90"/>
    <mergeCell ref="F89:G89"/>
    <mergeCell ref="H89:I89"/>
    <mergeCell ref="F90:G90"/>
    <mergeCell ref="H90:I90"/>
    <mergeCell ref="B91:C91"/>
    <mergeCell ref="D91:E91"/>
    <mergeCell ref="F91:G91"/>
    <mergeCell ref="H91:I91"/>
    <mergeCell ref="B92:C92"/>
    <mergeCell ref="D92:E92"/>
    <mergeCell ref="F92:G92"/>
    <mergeCell ref="H92:I92"/>
    <mergeCell ref="B99:C99"/>
    <mergeCell ref="D99:E99"/>
    <mergeCell ref="F99:G99"/>
    <mergeCell ref="H99:I99"/>
    <mergeCell ref="H94:I94"/>
    <mergeCell ref="B95:C95"/>
    <mergeCell ref="D95:E95"/>
    <mergeCell ref="F95:G95"/>
    <mergeCell ref="H95:I95"/>
    <mergeCell ref="H97:I97"/>
    <mergeCell ref="B96:C96"/>
    <mergeCell ref="D96:E96"/>
    <mergeCell ref="F96:G96"/>
    <mergeCell ref="F94:G94"/>
    <mergeCell ref="B94:C94"/>
    <mergeCell ref="D94:E94"/>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H96:I96"/>
    <mergeCell ref="H98:I98"/>
    <mergeCell ref="D110:E110"/>
    <mergeCell ref="H109:I109"/>
  </mergeCells>
  <printOptions horizontalCentered="1"/>
  <pageMargins left="0.19685039370078741" right="0.19685039370078741" top="0.59055118110236227" bottom="0.19685039370078741" header="0" footer="0"/>
  <pageSetup paperSize="9" scale="45" orientation="portrait" r:id="rId8"/>
  <headerFooter alignWithMargins="0"/>
  <drawing r:id="rId9"/>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tabColor rgb="FF92D050"/>
    <pageSetUpPr fitToPage="1"/>
  </sheetPr>
  <dimension ref="A1:J136"/>
  <sheetViews>
    <sheetView showGridLines="0" zoomScaleNormal="100" workbookViewId="0"/>
  </sheetViews>
  <sheetFormatPr defaultColWidth="4.140625" defaultRowHeight="11.25" customHeight="1" x14ac:dyDescent="0.2"/>
  <cols>
    <col min="1" max="1" width="77.28515625" style="150" customWidth="1"/>
    <col min="2" max="3" width="20.140625" style="1" bestFit="1" customWidth="1"/>
    <col min="4" max="9" width="15.7109375" style="1" customWidth="1"/>
    <col min="10" max="10" width="4.140625" style="214"/>
    <col min="11" max="16384" width="4.140625" style="1"/>
  </cols>
  <sheetData>
    <row r="1" spans="1:10" s="23" customFormat="1" ht="11.25" customHeight="1" x14ac:dyDescent="0.2">
      <c r="A1" s="300"/>
      <c r="B1" s="300"/>
      <c r="C1" s="300"/>
      <c r="D1" s="300"/>
      <c r="E1" s="300"/>
      <c r="F1" s="300"/>
      <c r="G1" s="300"/>
      <c r="H1" s="300"/>
      <c r="I1" s="300"/>
      <c r="J1" s="111"/>
    </row>
    <row r="2" spans="1:10" s="23" customFormat="1" ht="11.25" customHeight="1" x14ac:dyDescent="0.2">
      <c r="A2" s="151"/>
      <c r="J2" s="111"/>
    </row>
    <row r="3" spans="1:10" s="46" customFormat="1" ht="10.5" x14ac:dyDescent="0.2">
      <c r="A3" s="681" t="s">
        <v>641</v>
      </c>
      <c r="B3" s="681"/>
      <c r="C3" s="681"/>
      <c r="D3" s="681"/>
      <c r="E3" s="681"/>
      <c r="F3" s="681"/>
      <c r="G3" s="681"/>
      <c r="H3" s="681"/>
      <c r="I3" s="681"/>
      <c r="J3" s="58"/>
    </row>
    <row r="4" spans="1:10" s="46" customFormat="1" ht="10.5" x14ac:dyDescent="0.2">
      <c r="A4" s="681" t="s">
        <v>105</v>
      </c>
      <c r="B4" s="681"/>
      <c r="C4" s="681"/>
      <c r="D4" s="681"/>
      <c r="E4" s="681"/>
      <c r="F4" s="681"/>
      <c r="G4" s="681"/>
      <c r="H4" s="681"/>
      <c r="I4" s="681"/>
      <c r="J4" s="58"/>
    </row>
    <row r="5" spans="1:10" s="46" customFormat="1" ht="10.5" x14ac:dyDescent="0.2">
      <c r="A5" s="681" t="s">
        <v>127</v>
      </c>
      <c r="B5" s="681"/>
      <c r="C5" s="681"/>
      <c r="D5" s="681"/>
      <c r="E5" s="681"/>
      <c r="F5" s="681"/>
      <c r="G5" s="681"/>
      <c r="H5" s="681"/>
      <c r="I5" s="681"/>
      <c r="J5" s="58"/>
    </row>
    <row r="6" spans="1:10" s="46" customFormat="1" ht="10.5" x14ac:dyDescent="0.2">
      <c r="A6" s="681" t="s">
        <v>744</v>
      </c>
      <c r="B6" s="681"/>
      <c r="C6" s="681"/>
      <c r="D6" s="681"/>
      <c r="E6" s="681"/>
      <c r="F6" s="681"/>
      <c r="G6" s="681"/>
      <c r="H6" s="681"/>
      <c r="I6" s="681"/>
      <c r="J6" s="58"/>
    </row>
    <row r="7" spans="1:10" s="46" customFormat="1" ht="10.5" x14ac:dyDescent="0.2">
      <c r="A7" s="681" t="s">
        <v>879</v>
      </c>
      <c r="B7" s="681"/>
      <c r="C7" s="681"/>
      <c r="D7" s="681"/>
      <c r="E7" s="681"/>
      <c r="F7" s="681"/>
      <c r="G7" s="681"/>
      <c r="H7" s="681"/>
      <c r="I7" s="681"/>
      <c r="J7" s="58"/>
    </row>
    <row r="8" spans="1:10" s="23" customFormat="1" ht="11.25" customHeight="1" x14ac:dyDescent="0.2">
      <c r="J8" s="111"/>
    </row>
    <row r="9" spans="1:10" s="23" customFormat="1" ht="10.5" x14ac:dyDescent="0.2">
      <c r="A9" s="23" t="s">
        <v>367</v>
      </c>
      <c r="F9" s="769"/>
      <c r="G9" s="769"/>
      <c r="I9" s="224">
        <v>1</v>
      </c>
      <c r="J9" s="111"/>
    </row>
    <row r="10" spans="1:10" ht="15" customHeight="1" x14ac:dyDescent="0.15">
      <c r="A10" s="741" t="s">
        <v>110</v>
      </c>
      <c r="B10" s="759" t="s">
        <v>108</v>
      </c>
      <c r="C10" s="760"/>
      <c r="D10" s="759" t="s">
        <v>108</v>
      </c>
      <c r="E10" s="760"/>
      <c r="F10" s="754" t="s">
        <v>109</v>
      </c>
      <c r="G10" s="761"/>
      <c r="H10" s="761"/>
      <c r="I10" s="761"/>
    </row>
    <row r="11" spans="1:10" ht="15" customHeight="1" x14ac:dyDescent="0.2">
      <c r="A11" s="744"/>
      <c r="B11" s="762" t="s">
        <v>111</v>
      </c>
      <c r="C11" s="763"/>
      <c r="D11" s="765" t="s">
        <v>112</v>
      </c>
      <c r="E11" s="744"/>
      <c r="F11" s="739" t="s">
        <v>115</v>
      </c>
      <c r="G11" s="741"/>
      <c r="H11" s="739" t="s">
        <v>115</v>
      </c>
      <c r="I11" s="740"/>
    </row>
    <row r="12" spans="1:10" ht="15" customHeight="1" x14ac:dyDescent="0.2">
      <c r="A12" s="745"/>
      <c r="B12" s="755"/>
      <c r="C12" s="764"/>
      <c r="D12" s="766"/>
      <c r="E12" s="745"/>
      <c r="F12" s="762">
        <v>2015</v>
      </c>
      <c r="G12" s="763"/>
      <c r="H12" s="765">
        <v>2014</v>
      </c>
      <c r="I12" s="770"/>
    </row>
    <row r="13" spans="1:10" s="68" customFormat="1" ht="10.5" x14ac:dyDescent="0.2">
      <c r="A13" s="153" t="s">
        <v>282</v>
      </c>
      <c r="B13" s="679">
        <v>15000000</v>
      </c>
      <c r="C13" s="680"/>
      <c r="D13" s="679">
        <v>31828779.77</v>
      </c>
      <c r="E13" s="680"/>
      <c r="F13" s="679">
        <v>18805320.66</v>
      </c>
      <c r="G13" s="680"/>
      <c r="H13" s="679">
        <v>6790785.7600000007</v>
      </c>
      <c r="I13" s="709"/>
      <c r="J13" s="153"/>
    </row>
    <row r="14" spans="1:10" s="68" customFormat="1" ht="10.5" x14ac:dyDescent="0.2">
      <c r="A14" s="153" t="s">
        <v>8</v>
      </c>
      <c r="B14" s="665">
        <v>15000000</v>
      </c>
      <c r="C14" s="676">
        <v>0</v>
      </c>
      <c r="D14" s="665">
        <v>31828779.77</v>
      </c>
      <c r="E14" s="676">
        <v>0</v>
      </c>
      <c r="F14" s="665">
        <v>18805320.66</v>
      </c>
      <c r="G14" s="676">
        <v>0</v>
      </c>
      <c r="H14" s="665">
        <v>6790785.7600000007</v>
      </c>
      <c r="I14" s="666">
        <v>0</v>
      </c>
      <c r="J14" s="153"/>
    </row>
    <row r="15" spans="1:10" ht="10.5" x14ac:dyDescent="0.2">
      <c r="A15" s="273" t="s">
        <v>128</v>
      </c>
      <c r="B15" s="659">
        <v>15000000</v>
      </c>
      <c r="C15" s="672">
        <v>0</v>
      </c>
      <c r="D15" s="659">
        <v>27173438.699999999</v>
      </c>
      <c r="E15" s="672">
        <v>0</v>
      </c>
      <c r="F15" s="659">
        <v>14149979.59</v>
      </c>
      <c r="G15" s="672">
        <v>0</v>
      </c>
      <c r="H15" s="659">
        <v>5476489.1900000004</v>
      </c>
      <c r="I15" s="660">
        <v>0</v>
      </c>
    </row>
    <row r="16" spans="1:10" ht="10.5" x14ac:dyDescent="0.2">
      <c r="A16" s="273" t="s">
        <v>283</v>
      </c>
      <c r="B16" s="659">
        <v>6000000</v>
      </c>
      <c r="C16" s="672">
        <v>0</v>
      </c>
      <c r="D16" s="659">
        <v>18173438.699999999</v>
      </c>
      <c r="E16" s="672">
        <v>0</v>
      </c>
      <c r="F16" s="659">
        <v>12173438.699999999</v>
      </c>
      <c r="G16" s="672">
        <v>0</v>
      </c>
      <c r="H16" s="659">
        <v>5394161.3200000003</v>
      </c>
      <c r="I16" s="660">
        <v>0</v>
      </c>
    </row>
    <row r="17" spans="1:9" ht="10.5" x14ac:dyDescent="0.2">
      <c r="A17" s="273" t="s">
        <v>129</v>
      </c>
      <c r="B17" s="659">
        <v>0</v>
      </c>
      <c r="C17" s="672"/>
      <c r="D17" s="659">
        <v>12173438.699999999</v>
      </c>
      <c r="E17" s="672"/>
      <c r="F17" s="659">
        <v>12173438.699999999</v>
      </c>
      <c r="G17" s="672"/>
      <c r="H17" s="659">
        <v>5394161.3200000003</v>
      </c>
      <c r="I17" s="660"/>
    </row>
    <row r="18" spans="1:9" ht="10.5" x14ac:dyDescent="0.2">
      <c r="A18" s="273" t="s">
        <v>130</v>
      </c>
      <c r="B18" s="659">
        <v>5000000</v>
      </c>
      <c r="C18" s="672"/>
      <c r="D18" s="659">
        <v>5000000</v>
      </c>
      <c r="E18" s="672"/>
      <c r="F18" s="659">
        <v>0</v>
      </c>
      <c r="G18" s="672"/>
      <c r="H18" s="659">
        <v>0</v>
      </c>
      <c r="I18" s="660"/>
    </row>
    <row r="19" spans="1:9" ht="10.5" x14ac:dyDescent="0.2">
      <c r="A19" s="273" t="s">
        <v>131</v>
      </c>
      <c r="B19" s="659">
        <v>1000000</v>
      </c>
      <c r="C19" s="672"/>
      <c r="D19" s="659">
        <v>1000000</v>
      </c>
      <c r="E19" s="672"/>
      <c r="F19" s="659">
        <v>0</v>
      </c>
      <c r="G19" s="672"/>
      <c r="H19" s="659">
        <v>0</v>
      </c>
      <c r="I19" s="660"/>
    </row>
    <row r="20" spans="1:9" ht="10.5" x14ac:dyDescent="0.2">
      <c r="A20" s="273" t="s">
        <v>284</v>
      </c>
      <c r="B20" s="659">
        <v>9000000</v>
      </c>
      <c r="C20" s="672">
        <v>0</v>
      </c>
      <c r="D20" s="659">
        <v>9000000</v>
      </c>
      <c r="E20" s="672">
        <v>0</v>
      </c>
      <c r="F20" s="659">
        <v>1976540.89</v>
      </c>
      <c r="G20" s="672">
        <v>0</v>
      </c>
      <c r="H20" s="659">
        <v>82327.87</v>
      </c>
      <c r="I20" s="660">
        <v>0</v>
      </c>
    </row>
    <row r="21" spans="1:9" ht="10.5" x14ac:dyDescent="0.2">
      <c r="A21" s="273" t="s">
        <v>132</v>
      </c>
      <c r="B21" s="659">
        <v>8000000</v>
      </c>
      <c r="C21" s="672"/>
      <c r="D21" s="659">
        <v>8000000</v>
      </c>
      <c r="E21" s="672"/>
      <c r="F21" s="659">
        <v>1976540.89</v>
      </c>
      <c r="G21" s="672"/>
      <c r="H21" s="659">
        <v>82327.87</v>
      </c>
      <c r="I21" s="660"/>
    </row>
    <row r="22" spans="1:9" ht="10.5" x14ac:dyDescent="0.2">
      <c r="A22" s="273" t="s">
        <v>133</v>
      </c>
      <c r="B22" s="659">
        <v>1000000</v>
      </c>
      <c r="C22" s="672"/>
      <c r="D22" s="659">
        <v>1000000</v>
      </c>
      <c r="E22" s="672"/>
      <c r="F22" s="659">
        <v>0</v>
      </c>
      <c r="G22" s="672"/>
      <c r="H22" s="659">
        <v>0</v>
      </c>
      <c r="I22" s="660"/>
    </row>
    <row r="23" spans="1:9" ht="10.5" x14ac:dyDescent="0.2">
      <c r="A23" s="273" t="s">
        <v>748</v>
      </c>
      <c r="B23" s="659"/>
      <c r="C23" s="672"/>
      <c r="D23" s="659">
        <v>0</v>
      </c>
      <c r="E23" s="672"/>
      <c r="F23" s="659">
        <v>0</v>
      </c>
      <c r="G23" s="672"/>
      <c r="H23" s="659">
        <v>0</v>
      </c>
      <c r="I23" s="660"/>
    </row>
    <row r="24" spans="1:9" ht="10.5" x14ac:dyDescent="0.2">
      <c r="A24" s="273" t="s">
        <v>155</v>
      </c>
      <c r="B24" s="659"/>
      <c r="C24" s="672"/>
      <c r="D24" s="659">
        <v>12892.62</v>
      </c>
      <c r="E24" s="672"/>
      <c r="F24" s="659">
        <v>12892.62</v>
      </c>
      <c r="G24" s="672"/>
      <c r="H24" s="659">
        <v>6947.45</v>
      </c>
      <c r="I24" s="660"/>
    </row>
    <row r="25" spans="1:9" ht="10.5" x14ac:dyDescent="0.2">
      <c r="A25" s="273" t="s">
        <v>312</v>
      </c>
      <c r="B25" s="659">
        <v>0</v>
      </c>
      <c r="C25" s="672">
        <v>0</v>
      </c>
      <c r="D25" s="659">
        <v>4642448.45</v>
      </c>
      <c r="E25" s="672">
        <v>0</v>
      </c>
      <c r="F25" s="659">
        <v>4642448.45</v>
      </c>
      <c r="G25" s="672">
        <v>0</v>
      </c>
      <c r="H25" s="659">
        <v>1307349.1200000001</v>
      </c>
      <c r="I25" s="660">
        <v>0</v>
      </c>
    </row>
    <row r="26" spans="1:9" ht="10.5" x14ac:dyDescent="0.2">
      <c r="A26" s="273" t="s">
        <v>16</v>
      </c>
      <c r="B26" s="659"/>
      <c r="C26" s="672"/>
      <c r="D26" s="659">
        <v>0</v>
      </c>
      <c r="E26" s="672"/>
      <c r="F26" s="659">
        <v>0</v>
      </c>
      <c r="G26" s="672"/>
      <c r="H26" s="659">
        <v>1307349.1200000001</v>
      </c>
      <c r="I26" s="660"/>
    </row>
    <row r="27" spans="1:9" ht="10.5" x14ac:dyDescent="0.2">
      <c r="A27" s="273" t="s">
        <v>17</v>
      </c>
      <c r="B27" s="659"/>
      <c r="C27" s="672"/>
      <c r="D27" s="659">
        <v>4642448.45</v>
      </c>
      <c r="E27" s="672"/>
      <c r="F27" s="659">
        <v>4642448.45</v>
      </c>
      <c r="G27" s="672"/>
      <c r="H27" s="659">
        <v>0</v>
      </c>
      <c r="I27" s="660"/>
    </row>
    <row r="28" spans="1:9" ht="10.5" x14ac:dyDescent="0.2">
      <c r="A28" s="273" t="s">
        <v>19</v>
      </c>
      <c r="B28" s="659"/>
      <c r="C28" s="672"/>
      <c r="D28" s="659">
        <v>0</v>
      </c>
      <c r="E28" s="672"/>
      <c r="F28" s="659">
        <v>0</v>
      </c>
      <c r="G28" s="672"/>
      <c r="H28" s="659"/>
      <c r="I28" s="660"/>
    </row>
    <row r="29" spans="1:9" ht="10.5" x14ac:dyDescent="0.2">
      <c r="A29" s="273" t="s">
        <v>227</v>
      </c>
      <c r="B29" s="659"/>
      <c r="C29" s="672"/>
      <c r="D29" s="659">
        <v>0</v>
      </c>
      <c r="E29" s="672"/>
      <c r="F29" s="659">
        <v>0</v>
      </c>
      <c r="G29" s="672"/>
      <c r="H29" s="659"/>
      <c r="I29" s="660"/>
    </row>
    <row r="30" spans="1:9" ht="10.5" x14ac:dyDescent="0.2">
      <c r="A30" s="56" t="s">
        <v>285</v>
      </c>
      <c r="B30" s="659">
        <v>0</v>
      </c>
      <c r="C30" s="672">
        <v>0</v>
      </c>
      <c r="D30" s="659">
        <v>0</v>
      </c>
      <c r="E30" s="672">
        <v>0</v>
      </c>
      <c r="F30" s="659">
        <v>0</v>
      </c>
      <c r="G30" s="672">
        <v>0</v>
      </c>
      <c r="H30" s="659">
        <v>0</v>
      </c>
      <c r="I30" s="660">
        <v>0</v>
      </c>
    </row>
    <row r="31" spans="1:9" ht="10.5" x14ac:dyDescent="0.2">
      <c r="A31" s="121" t="s">
        <v>546</v>
      </c>
      <c r="B31" s="659"/>
      <c r="C31" s="672"/>
      <c r="D31" s="659">
        <v>0</v>
      </c>
      <c r="E31" s="672"/>
      <c r="F31" s="659">
        <v>0</v>
      </c>
      <c r="G31" s="672"/>
      <c r="H31" s="659"/>
      <c r="I31" s="660"/>
    </row>
    <row r="32" spans="1:9" ht="10.5" x14ac:dyDescent="0.2">
      <c r="A32" s="121" t="s">
        <v>547</v>
      </c>
      <c r="B32" s="659"/>
      <c r="C32" s="672"/>
      <c r="D32" s="659">
        <v>0</v>
      </c>
      <c r="E32" s="672"/>
      <c r="F32" s="659">
        <v>0</v>
      </c>
      <c r="G32" s="672"/>
      <c r="H32" s="659"/>
      <c r="I32" s="660"/>
    </row>
    <row r="33" spans="1:10" s="68" customFormat="1" ht="10.5" x14ac:dyDescent="0.2">
      <c r="A33" s="154" t="s">
        <v>40</v>
      </c>
      <c r="B33" s="659">
        <v>0</v>
      </c>
      <c r="C33" s="672">
        <v>0</v>
      </c>
      <c r="D33" s="659">
        <v>0</v>
      </c>
      <c r="E33" s="672">
        <v>0</v>
      </c>
      <c r="F33" s="659">
        <v>0</v>
      </c>
      <c r="G33" s="672">
        <v>0</v>
      </c>
      <c r="H33" s="659">
        <v>0</v>
      </c>
      <c r="I33" s="660">
        <v>0</v>
      </c>
      <c r="J33" s="153"/>
    </row>
    <row r="34" spans="1:10" ht="10.5" x14ac:dyDescent="0.2">
      <c r="A34" s="121" t="s">
        <v>120</v>
      </c>
      <c r="B34" s="659"/>
      <c r="C34" s="672"/>
      <c r="D34" s="659">
        <v>0</v>
      </c>
      <c r="E34" s="672"/>
      <c r="F34" s="659">
        <v>0</v>
      </c>
      <c r="G34" s="672"/>
      <c r="H34" s="659"/>
      <c r="I34" s="660"/>
    </row>
    <row r="35" spans="1:10" ht="10.5" x14ac:dyDescent="0.2">
      <c r="A35" s="273" t="s">
        <v>228</v>
      </c>
      <c r="B35" s="659"/>
      <c r="C35" s="672"/>
      <c r="D35" s="659">
        <v>0</v>
      </c>
      <c r="E35" s="672"/>
      <c r="F35" s="659">
        <v>0</v>
      </c>
      <c r="G35" s="672"/>
      <c r="H35" s="659"/>
      <c r="I35" s="660"/>
    </row>
    <row r="36" spans="1:10" ht="10.5" x14ac:dyDescent="0.2">
      <c r="A36" s="121" t="s">
        <v>286</v>
      </c>
      <c r="B36" s="659"/>
      <c r="C36" s="672"/>
      <c r="D36" s="659">
        <v>0</v>
      </c>
      <c r="E36" s="672"/>
      <c r="F36" s="659">
        <v>0</v>
      </c>
      <c r="G36" s="672"/>
      <c r="H36" s="659"/>
      <c r="I36" s="660"/>
    </row>
    <row r="37" spans="1:10" s="150" customFormat="1" ht="10.5" x14ac:dyDescent="0.2">
      <c r="A37" s="68"/>
      <c r="B37" s="659"/>
      <c r="C37" s="672"/>
      <c r="D37" s="659">
        <v>0</v>
      </c>
      <c r="E37" s="672"/>
      <c r="F37" s="659">
        <v>0</v>
      </c>
      <c r="G37" s="672"/>
      <c r="H37" s="659"/>
      <c r="I37" s="660"/>
      <c r="J37" s="214"/>
    </row>
    <row r="38" spans="1:10" s="68" customFormat="1" ht="15" customHeight="1" x14ac:dyDescent="0.2">
      <c r="A38" s="155" t="s">
        <v>548</v>
      </c>
      <c r="B38" s="661">
        <v>15495000</v>
      </c>
      <c r="C38" s="675"/>
      <c r="D38" s="661">
        <v>31898470.07</v>
      </c>
      <c r="E38" s="675"/>
      <c r="F38" s="661">
        <v>29898470.07</v>
      </c>
      <c r="G38" s="675"/>
      <c r="H38" s="661">
        <v>10936017.67</v>
      </c>
      <c r="I38" s="662"/>
      <c r="J38" s="153"/>
    </row>
    <row r="39" spans="1:10" ht="18.75" customHeight="1" x14ac:dyDescent="0.2">
      <c r="A39" s="122" t="s">
        <v>766</v>
      </c>
      <c r="B39" s="669">
        <v>30495000</v>
      </c>
      <c r="C39" s="670">
        <v>0</v>
      </c>
      <c r="D39" s="669">
        <v>63727249.840000004</v>
      </c>
      <c r="E39" s="670">
        <v>0</v>
      </c>
      <c r="F39" s="791">
        <v>48703790.730000004</v>
      </c>
      <c r="G39" s="792">
        <v>0</v>
      </c>
      <c r="H39" s="669">
        <v>17726803.43</v>
      </c>
      <c r="I39" s="708">
        <v>0</v>
      </c>
    </row>
    <row r="40" spans="1:10" ht="10.5" x14ac:dyDescent="0.2">
      <c r="A40" s="123"/>
      <c r="B40" s="120"/>
      <c r="C40" s="120"/>
      <c r="D40" s="12"/>
      <c r="E40" s="120"/>
      <c r="F40" s="76"/>
      <c r="G40" s="76"/>
      <c r="H40" s="22"/>
      <c r="I40" s="22"/>
    </row>
    <row r="41" spans="1:10" ht="30" customHeight="1" x14ac:dyDescent="0.15">
      <c r="A41" s="741" t="s">
        <v>160</v>
      </c>
      <c r="B41" s="197" t="s">
        <v>157</v>
      </c>
      <c r="C41" s="197" t="s">
        <v>157</v>
      </c>
      <c r="D41" s="690" t="s">
        <v>158</v>
      </c>
      <c r="E41" s="692"/>
      <c r="F41" s="756" t="s">
        <v>159</v>
      </c>
      <c r="G41" s="757"/>
      <c r="H41" s="756" t="s">
        <v>348</v>
      </c>
      <c r="I41" s="758"/>
    </row>
    <row r="42" spans="1:10" ht="15" customHeight="1" x14ac:dyDescent="0.2">
      <c r="A42" s="744"/>
      <c r="B42" s="768" t="s">
        <v>111</v>
      </c>
      <c r="C42" s="768" t="s">
        <v>112</v>
      </c>
      <c r="D42" s="311" t="s">
        <v>115</v>
      </c>
      <c r="E42" s="311" t="s">
        <v>115</v>
      </c>
      <c r="F42" s="311" t="s">
        <v>115</v>
      </c>
      <c r="G42" s="311" t="s">
        <v>115</v>
      </c>
      <c r="H42" s="752" t="s">
        <v>745</v>
      </c>
      <c r="I42" s="754" t="s">
        <v>746</v>
      </c>
    </row>
    <row r="43" spans="1:10" ht="15" customHeight="1" x14ac:dyDescent="0.2">
      <c r="A43" s="745"/>
      <c r="B43" s="743"/>
      <c r="C43" s="743"/>
      <c r="D43" s="316">
        <v>2015</v>
      </c>
      <c r="E43" s="315">
        <v>2014</v>
      </c>
      <c r="F43" s="316">
        <v>2015</v>
      </c>
      <c r="G43" s="315">
        <v>2014</v>
      </c>
      <c r="H43" s="753"/>
      <c r="I43" s="755"/>
    </row>
    <row r="44" spans="1:10" s="68" customFormat="1" ht="10.5" x14ac:dyDescent="0.2">
      <c r="A44" s="156" t="s">
        <v>134</v>
      </c>
      <c r="B44" s="413">
        <v>30495000</v>
      </c>
      <c r="C44" s="413">
        <v>30495000</v>
      </c>
      <c r="D44" s="413">
        <v>1105001.1499999999</v>
      </c>
      <c r="E44" s="413">
        <v>599327</v>
      </c>
      <c r="F44" s="413">
        <v>448929.39</v>
      </c>
      <c r="G44" s="413">
        <v>473104.37</v>
      </c>
      <c r="H44" s="413">
        <v>0</v>
      </c>
      <c r="I44" s="455">
        <v>0</v>
      </c>
      <c r="J44" s="153"/>
    </row>
    <row r="45" spans="1:10" s="68" customFormat="1" ht="10.5" x14ac:dyDescent="0.2">
      <c r="A45" s="68" t="s">
        <v>281</v>
      </c>
      <c r="B45" s="408">
        <v>28960200</v>
      </c>
      <c r="C45" s="408">
        <v>28960200</v>
      </c>
      <c r="D45" s="408">
        <v>0</v>
      </c>
      <c r="E45" s="408">
        <v>0</v>
      </c>
      <c r="F45" s="408">
        <v>0</v>
      </c>
      <c r="G45" s="408">
        <v>0</v>
      </c>
      <c r="H45" s="408">
        <v>0</v>
      </c>
      <c r="I45" s="409">
        <v>0</v>
      </c>
      <c r="J45" s="153"/>
    </row>
    <row r="46" spans="1:10" ht="10.5" x14ac:dyDescent="0.2">
      <c r="A46" s="23" t="s">
        <v>287</v>
      </c>
      <c r="B46" s="408">
        <v>28960200</v>
      </c>
      <c r="C46" s="408">
        <v>28960200</v>
      </c>
      <c r="D46" s="408"/>
      <c r="E46" s="408">
        <v>0</v>
      </c>
      <c r="F46" s="408"/>
      <c r="G46" s="408"/>
      <c r="H46" s="408">
        <v>0</v>
      </c>
      <c r="I46" s="409">
        <v>0</v>
      </c>
    </row>
    <row r="47" spans="1:10" ht="10.5" x14ac:dyDescent="0.2">
      <c r="A47" s="23" t="s">
        <v>288</v>
      </c>
      <c r="B47" s="408">
        <v>0</v>
      </c>
      <c r="C47" s="408">
        <v>0</v>
      </c>
      <c r="D47" s="408"/>
      <c r="E47" s="408">
        <v>0</v>
      </c>
      <c r="F47" s="408"/>
      <c r="G47" s="408"/>
      <c r="H47" s="408">
        <v>0</v>
      </c>
      <c r="I47" s="409">
        <v>0</v>
      </c>
    </row>
    <row r="48" spans="1:10" s="68" customFormat="1" ht="10.5" x14ac:dyDescent="0.2">
      <c r="A48" s="300" t="s">
        <v>135</v>
      </c>
      <c r="B48" s="406">
        <v>1534800</v>
      </c>
      <c r="C48" s="406">
        <v>1534800</v>
      </c>
      <c r="D48" s="406">
        <v>1105001.1499999999</v>
      </c>
      <c r="E48" s="406">
        <v>599327</v>
      </c>
      <c r="F48" s="406">
        <v>448929.39</v>
      </c>
      <c r="G48" s="406">
        <v>473104.37</v>
      </c>
      <c r="H48" s="406">
        <v>0</v>
      </c>
      <c r="I48" s="407">
        <v>0</v>
      </c>
      <c r="J48" s="153"/>
    </row>
    <row r="49" spans="1:10" ht="10.5" x14ac:dyDescent="0.2">
      <c r="A49" s="23" t="s">
        <v>201</v>
      </c>
      <c r="B49" s="408">
        <v>632400</v>
      </c>
      <c r="C49" s="408">
        <v>632400</v>
      </c>
      <c r="D49" s="408">
        <v>1105001.1499999999</v>
      </c>
      <c r="E49" s="408">
        <v>599327</v>
      </c>
      <c r="F49" s="408">
        <v>448929.39</v>
      </c>
      <c r="G49" s="408">
        <v>473104.37</v>
      </c>
      <c r="H49" s="408">
        <v>0</v>
      </c>
      <c r="I49" s="409">
        <v>0</v>
      </c>
    </row>
    <row r="50" spans="1:10" ht="10.5" x14ac:dyDescent="0.2">
      <c r="A50" s="23" t="s">
        <v>289</v>
      </c>
      <c r="B50" s="408">
        <v>74400</v>
      </c>
      <c r="C50" s="408">
        <v>74400</v>
      </c>
      <c r="D50" s="408">
        <v>0</v>
      </c>
      <c r="E50" s="408">
        <v>0</v>
      </c>
      <c r="F50" s="408">
        <v>0</v>
      </c>
      <c r="G50" s="408">
        <v>0</v>
      </c>
      <c r="H50" s="408">
        <v>0</v>
      </c>
      <c r="I50" s="409">
        <v>0</v>
      </c>
    </row>
    <row r="51" spans="1:10" ht="10.5" x14ac:dyDescent="0.15">
      <c r="A51" s="23" t="s">
        <v>290</v>
      </c>
      <c r="B51" s="592">
        <v>78000</v>
      </c>
      <c r="C51" s="408">
        <v>78000</v>
      </c>
      <c r="D51" s="408">
        <v>30000</v>
      </c>
      <c r="E51" s="408">
        <v>0</v>
      </c>
      <c r="F51" s="408">
        <v>3939.56</v>
      </c>
      <c r="G51" s="408">
        <v>0</v>
      </c>
      <c r="H51" s="408">
        <v>0</v>
      </c>
      <c r="I51" s="409">
        <v>0</v>
      </c>
    </row>
    <row r="52" spans="1:10" ht="10.5" x14ac:dyDescent="0.15">
      <c r="A52" s="23" t="s">
        <v>291</v>
      </c>
      <c r="B52" s="584">
        <v>480000</v>
      </c>
      <c r="C52" s="408">
        <v>480000</v>
      </c>
      <c r="D52" s="408">
        <v>1075001.1499999999</v>
      </c>
      <c r="E52" s="408">
        <v>599327</v>
      </c>
      <c r="F52" s="408">
        <v>444989.83</v>
      </c>
      <c r="G52" s="408">
        <v>473104.37</v>
      </c>
      <c r="H52" s="408">
        <v>0</v>
      </c>
      <c r="I52" s="409"/>
    </row>
    <row r="53" spans="1:10" ht="10.5" x14ac:dyDescent="0.2">
      <c r="A53" s="23" t="s">
        <v>202</v>
      </c>
      <c r="B53" s="573">
        <v>902400</v>
      </c>
      <c r="C53" s="408">
        <v>902400</v>
      </c>
      <c r="D53" s="408">
        <v>0</v>
      </c>
      <c r="E53" s="408">
        <v>0</v>
      </c>
      <c r="F53" s="408">
        <v>0</v>
      </c>
      <c r="G53" s="408">
        <v>0</v>
      </c>
      <c r="H53" s="408">
        <v>0</v>
      </c>
      <c r="I53" s="409">
        <v>0</v>
      </c>
    </row>
    <row r="54" spans="1:10" ht="10.5" x14ac:dyDescent="0.15">
      <c r="A54" s="23" t="s">
        <v>292</v>
      </c>
      <c r="B54" s="584">
        <v>44400</v>
      </c>
      <c r="C54" s="408">
        <v>44400</v>
      </c>
      <c r="D54" s="408">
        <v>0</v>
      </c>
      <c r="E54" s="408">
        <v>0</v>
      </c>
      <c r="F54" s="408">
        <v>0</v>
      </c>
      <c r="G54" s="408">
        <v>0</v>
      </c>
      <c r="H54" s="408">
        <v>0</v>
      </c>
      <c r="I54" s="409">
        <v>0</v>
      </c>
    </row>
    <row r="55" spans="1:10" ht="10.5" x14ac:dyDescent="0.15">
      <c r="A55" s="23" t="s">
        <v>290</v>
      </c>
      <c r="B55" s="584">
        <v>18000</v>
      </c>
      <c r="C55" s="408">
        <v>18000</v>
      </c>
      <c r="D55" s="408">
        <v>0</v>
      </c>
      <c r="E55" s="408">
        <v>0</v>
      </c>
      <c r="F55" s="408">
        <v>0</v>
      </c>
      <c r="G55" s="408">
        <v>0</v>
      </c>
      <c r="H55" s="408">
        <v>0</v>
      </c>
      <c r="I55" s="409">
        <v>0</v>
      </c>
    </row>
    <row r="56" spans="1:10" ht="10.5" x14ac:dyDescent="0.15">
      <c r="A56" s="23" t="s">
        <v>291</v>
      </c>
      <c r="B56" s="584">
        <v>840000</v>
      </c>
      <c r="C56" s="408">
        <v>840000</v>
      </c>
      <c r="D56" s="408">
        <v>0</v>
      </c>
      <c r="E56" s="408">
        <v>0</v>
      </c>
      <c r="F56" s="408">
        <v>0</v>
      </c>
      <c r="G56" s="408">
        <v>0</v>
      </c>
      <c r="H56" s="408">
        <v>0</v>
      </c>
      <c r="I56" s="409">
        <v>0</v>
      </c>
    </row>
    <row r="57" spans="1:10" ht="10.5" x14ac:dyDescent="0.2">
      <c r="A57" s="23" t="s">
        <v>293</v>
      </c>
      <c r="B57" s="573">
        <v>0</v>
      </c>
      <c r="C57" s="408">
        <v>0</v>
      </c>
      <c r="D57" s="408">
        <v>0</v>
      </c>
      <c r="E57" s="408">
        <v>0</v>
      </c>
      <c r="F57" s="408">
        <v>0</v>
      </c>
      <c r="G57" s="408">
        <v>0</v>
      </c>
      <c r="H57" s="408">
        <v>0</v>
      </c>
      <c r="I57" s="409">
        <v>0</v>
      </c>
    </row>
    <row r="58" spans="1:10" ht="10.5" x14ac:dyDescent="0.15">
      <c r="A58" s="23" t="s">
        <v>229</v>
      </c>
      <c r="B58" s="584">
        <v>0</v>
      </c>
      <c r="C58" s="408">
        <v>0</v>
      </c>
      <c r="D58" s="408">
        <v>0</v>
      </c>
      <c r="E58" s="408">
        <v>0</v>
      </c>
      <c r="F58" s="408">
        <v>0</v>
      </c>
      <c r="G58" s="408">
        <v>0</v>
      </c>
      <c r="H58" s="408">
        <v>0</v>
      </c>
      <c r="I58" s="409">
        <v>0</v>
      </c>
    </row>
    <row r="59" spans="1:10" ht="10.5" x14ac:dyDescent="0.15">
      <c r="A59" s="23" t="s">
        <v>60</v>
      </c>
      <c r="B59" s="584">
        <v>0</v>
      </c>
      <c r="C59" s="408">
        <v>0</v>
      </c>
      <c r="D59" s="408">
        <v>0</v>
      </c>
      <c r="E59" s="408">
        <v>0</v>
      </c>
      <c r="F59" s="408">
        <v>0</v>
      </c>
      <c r="G59" s="408">
        <v>0</v>
      </c>
      <c r="H59" s="408">
        <v>0</v>
      </c>
      <c r="I59" s="409">
        <v>0</v>
      </c>
    </row>
    <row r="60" spans="1:10" s="68" customFormat="1" ht="15" customHeight="1" x14ac:dyDescent="0.2">
      <c r="A60" s="322" t="s">
        <v>549</v>
      </c>
      <c r="B60" s="585">
        <v>0</v>
      </c>
      <c r="C60" s="406">
        <v>0</v>
      </c>
      <c r="D60" s="406">
        <v>0</v>
      </c>
      <c r="E60" s="406">
        <v>0</v>
      </c>
      <c r="F60" s="406">
        <v>0</v>
      </c>
      <c r="G60" s="406">
        <v>0</v>
      </c>
      <c r="H60" s="406">
        <v>0</v>
      </c>
      <c r="I60" s="407">
        <v>0</v>
      </c>
      <c r="J60" s="153"/>
    </row>
    <row r="61" spans="1:10" s="68" customFormat="1" ht="15" customHeight="1" x14ac:dyDescent="0.2">
      <c r="A61" s="24" t="s">
        <v>749</v>
      </c>
      <c r="B61" s="342">
        <v>30495000</v>
      </c>
      <c r="C61" s="342">
        <v>30495000</v>
      </c>
      <c r="D61" s="342">
        <v>1105001.1499999999</v>
      </c>
      <c r="E61" s="342">
        <v>599327</v>
      </c>
      <c r="F61" s="342">
        <v>448929.39</v>
      </c>
      <c r="G61" s="342">
        <v>473104.37</v>
      </c>
      <c r="H61" s="342">
        <v>0</v>
      </c>
      <c r="I61" s="343">
        <v>0</v>
      </c>
      <c r="J61" s="153"/>
    </row>
    <row r="62" spans="1:10" s="17" customFormat="1" ht="10.5" x14ac:dyDescent="0.2">
      <c r="A62" s="125"/>
      <c r="B62" s="589"/>
      <c r="C62" s="589"/>
      <c r="D62" s="589"/>
      <c r="E62" s="589"/>
      <c r="F62" s="590"/>
      <c r="G62" s="590"/>
      <c r="H62" s="590"/>
      <c r="I62" s="590"/>
      <c r="J62" s="214"/>
    </row>
    <row r="63" spans="1:10" s="68" customFormat="1" ht="15" customHeight="1" x14ac:dyDescent="0.2">
      <c r="A63" s="24" t="s">
        <v>550</v>
      </c>
      <c r="B63" s="342">
        <v>0</v>
      </c>
      <c r="C63" s="342">
        <v>33232249.840000004</v>
      </c>
      <c r="D63" s="342"/>
      <c r="E63" s="342"/>
      <c r="F63" s="342">
        <v>48254861.340000004</v>
      </c>
      <c r="G63" s="342">
        <v>17253699.059999999</v>
      </c>
      <c r="H63" s="342"/>
      <c r="I63" s="343"/>
      <c r="J63" s="153"/>
    </row>
    <row r="64" spans="1:10" ht="10.5" x14ac:dyDescent="0.2">
      <c r="A64" s="28"/>
      <c r="B64" s="25"/>
      <c r="C64" s="25"/>
      <c r="D64" s="25"/>
      <c r="E64" s="25"/>
      <c r="F64" s="214"/>
      <c r="G64" s="214"/>
      <c r="H64" s="214"/>
      <c r="I64" s="214"/>
    </row>
    <row r="65" spans="1:10" ht="12.75" customHeight="1" x14ac:dyDescent="0.15">
      <c r="A65" s="771" t="s">
        <v>551</v>
      </c>
      <c r="B65" s="759" t="s">
        <v>108</v>
      </c>
      <c r="C65" s="760"/>
      <c r="D65" s="759" t="s">
        <v>108</v>
      </c>
      <c r="E65" s="760"/>
      <c r="F65" s="754" t="s">
        <v>109</v>
      </c>
      <c r="G65" s="761"/>
      <c r="H65" s="761"/>
      <c r="I65" s="761"/>
    </row>
    <row r="66" spans="1:10" ht="10.5" x14ac:dyDescent="0.2">
      <c r="A66" s="763"/>
      <c r="B66" s="762" t="s">
        <v>111</v>
      </c>
      <c r="C66" s="763"/>
      <c r="D66" s="765" t="s">
        <v>112</v>
      </c>
      <c r="E66" s="744"/>
      <c r="F66" s="739" t="s">
        <v>115</v>
      </c>
      <c r="G66" s="741"/>
      <c r="H66" s="739" t="s">
        <v>115</v>
      </c>
      <c r="I66" s="740"/>
    </row>
    <row r="67" spans="1:10" ht="10.5" x14ac:dyDescent="0.2">
      <c r="A67" s="764"/>
      <c r="B67" s="755"/>
      <c r="C67" s="764"/>
      <c r="D67" s="766"/>
      <c r="E67" s="745"/>
      <c r="F67" s="762">
        <v>2015</v>
      </c>
      <c r="G67" s="763"/>
      <c r="H67" s="765">
        <v>2014</v>
      </c>
      <c r="I67" s="770"/>
    </row>
    <row r="68" spans="1:10" s="68" customFormat="1" ht="10.5" x14ac:dyDescent="0.2">
      <c r="A68" s="157" t="s">
        <v>136</v>
      </c>
      <c r="B68" s="721">
        <v>0</v>
      </c>
      <c r="C68" s="801">
        <v>0</v>
      </c>
      <c r="D68" s="721">
        <v>0</v>
      </c>
      <c r="E68" s="801">
        <v>0</v>
      </c>
      <c r="F68" s="782">
        <v>0</v>
      </c>
      <c r="G68" s="784">
        <v>0</v>
      </c>
      <c r="H68" s="782">
        <v>0</v>
      </c>
      <c r="I68" s="783">
        <v>0</v>
      </c>
      <c r="J68" s="153"/>
    </row>
    <row r="69" spans="1:10" s="68" customFormat="1" ht="10.5" x14ac:dyDescent="0.2">
      <c r="A69" s="157" t="s">
        <v>137</v>
      </c>
      <c r="B69" s="659">
        <v>0</v>
      </c>
      <c r="C69" s="672"/>
      <c r="D69" s="659">
        <v>0</v>
      </c>
      <c r="E69" s="672"/>
      <c r="F69" s="785">
        <v>0</v>
      </c>
      <c r="G69" s="787"/>
      <c r="H69" s="785">
        <v>0</v>
      </c>
      <c r="I69" s="786"/>
      <c r="J69" s="153"/>
    </row>
    <row r="70" spans="1:10" ht="10.5" x14ac:dyDescent="0.2">
      <c r="A70" s="117" t="s">
        <v>138</v>
      </c>
      <c r="B70" s="659"/>
      <c r="C70" s="672"/>
      <c r="D70" s="659">
        <v>0</v>
      </c>
      <c r="E70" s="672"/>
      <c r="F70" s="785"/>
      <c r="G70" s="787"/>
      <c r="H70" s="785">
        <v>0</v>
      </c>
      <c r="I70" s="786"/>
    </row>
    <row r="71" spans="1:10" ht="10.5" x14ac:dyDescent="0.2">
      <c r="A71" s="117" t="s">
        <v>139</v>
      </c>
      <c r="B71" s="659"/>
      <c r="C71" s="672"/>
      <c r="D71" s="659">
        <v>0</v>
      </c>
      <c r="E71" s="672"/>
      <c r="F71" s="785"/>
      <c r="G71" s="787"/>
      <c r="H71" s="785">
        <v>0</v>
      </c>
      <c r="I71" s="786"/>
    </row>
    <row r="72" spans="1:10" ht="10.5" x14ac:dyDescent="0.2">
      <c r="A72" s="117" t="s">
        <v>140</v>
      </c>
      <c r="B72" s="659"/>
      <c r="C72" s="672"/>
      <c r="D72" s="659">
        <v>0</v>
      </c>
      <c r="E72" s="672"/>
      <c r="F72" s="785"/>
      <c r="G72" s="787"/>
      <c r="H72" s="785">
        <v>0</v>
      </c>
      <c r="I72" s="786"/>
    </row>
    <row r="73" spans="1:10" s="68" customFormat="1" ht="10.5" x14ac:dyDescent="0.2">
      <c r="A73" s="157" t="s">
        <v>141</v>
      </c>
      <c r="B73" s="659">
        <v>0</v>
      </c>
      <c r="C73" s="672"/>
      <c r="D73" s="659">
        <v>0</v>
      </c>
      <c r="E73" s="672"/>
      <c r="F73" s="785">
        <v>0</v>
      </c>
      <c r="G73" s="787"/>
      <c r="H73" s="785">
        <v>0</v>
      </c>
      <c r="I73" s="786"/>
      <c r="J73" s="153"/>
    </row>
    <row r="74" spans="1:10" ht="10.5" x14ac:dyDescent="0.2">
      <c r="A74" s="117" t="s">
        <v>142</v>
      </c>
      <c r="B74" s="659"/>
      <c r="C74" s="672"/>
      <c r="D74" s="659">
        <v>0</v>
      </c>
      <c r="E74" s="672"/>
      <c r="F74" s="785"/>
      <c r="G74" s="787"/>
      <c r="H74" s="785">
        <v>0</v>
      </c>
      <c r="I74" s="786"/>
    </row>
    <row r="75" spans="1:10" ht="10.5" x14ac:dyDescent="0.2">
      <c r="A75" s="117" t="s">
        <v>143</v>
      </c>
      <c r="B75" s="659"/>
      <c r="C75" s="672"/>
      <c r="D75" s="659">
        <v>0</v>
      </c>
      <c r="E75" s="672"/>
      <c r="F75" s="785"/>
      <c r="G75" s="787"/>
      <c r="H75" s="785">
        <v>0</v>
      </c>
      <c r="I75" s="786"/>
    </row>
    <row r="76" spans="1:10" ht="10.5" x14ac:dyDescent="0.2">
      <c r="A76" s="119" t="s">
        <v>140</v>
      </c>
      <c r="B76" s="710"/>
      <c r="C76" s="723"/>
      <c r="D76" s="710">
        <v>0</v>
      </c>
      <c r="E76" s="723"/>
      <c r="F76" s="788"/>
      <c r="G76" s="790"/>
      <c r="H76" s="788">
        <v>0</v>
      </c>
      <c r="I76" s="789"/>
    </row>
    <row r="77" spans="1:10" ht="10.5" x14ac:dyDescent="0.2">
      <c r="A77" s="312"/>
      <c r="B77" s="312"/>
      <c r="C77" s="312"/>
      <c r="D77" s="188"/>
      <c r="E77" s="188"/>
      <c r="F77" s="188"/>
      <c r="G77" s="70"/>
      <c r="H77" s="70"/>
      <c r="I77" s="70"/>
    </row>
    <row r="78" spans="1:10" ht="15" customHeight="1" x14ac:dyDescent="0.2">
      <c r="A78" s="758" t="s">
        <v>144</v>
      </c>
      <c r="B78" s="758"/>
      <c r="C78" s="757"/>
      <c r="D78" s="756" t="s">
        <v>122</v>
      </c>
      <c r="E78" s="758"/>
      <c r="F78" s="758"/>
      <c r="G78" s="758"/>
      <c r="H78" s="758"/>
      <c r="I78" s="758"/>
    </row>
    <row r="79" spans="1:10" s="68" customFormat="1" ht="15" customHeight="1" x14ac:dyDescent="0.2">
      <c r="A79" s="799" t="s">
        <v>209</v>
      </c>
      <c r="B79" s="799"/>
      <c r="C79" s="800"/>
      <c r="D79" s="778"/>
      <c r="E79" s="779"/>
      <c r="F79" s="779"/>
      <c r="G79" s="779"/>
      <c r="H79" s="779"/>
      <c r="I79" s="779"/>
      <c r="J79" s="153"/>
    </row>
    <row r="80" spans="1:10" ht="10.5" x14ac:dyDescent="0.2">
      <c r="A80" s="314"/>
      <c r="B80" s="314"/>
      <c r="C80" s="314"/>
      <c r="D80" s="313"/>
      <c r="E80" s="313"/>
      <c r="F80" s="313"/>
      <c r="G80" s="76"/>
      <c r="H80" s="76"/>
      <c r="I80" s="76"/>
    </row>
    <row r="81" spans="1:10" ht="15" customHeight="1" x14ac:dyDescent="0.2">
      <c r="A81" s="761" t="s">
        <v>552</v>
      </c>
      <c r="B81" s="761"/>
      <c r="C81" s="771"/>
      <c r="D81" s="754" t="s">
        <v>208</v>
      </c>
      <c r="E81" s="761"/>
      <c r="F81" s="761"/>
      <c r="G81" s="761"/>
      <c r="H81" s="761"/>
      <c r="I81" s="761"/>
    </row>
    <row r="82" spans="1:10" ht="15.75" customHeight="1" x14ac:dyDescent="0.2">
      <c r="A82" s="777"/>
      <c r="B82" s="777"/>
      <c r="C82" s="764"/>
      <c r="D82" s="756">
        <v>2015</v>
      </c>
      <c r="E82" s="758"/>
      <c r="F82" s="757"/>
      <c r="G82" s="758">
        <v>2014</v>
      </c>
      <c r="H82" s="758"/>
      <c r="I82" s="758"/>
    </row>
    <row r="83" spans="1:10" s="68" customFormat="1" ht="10.5" x14ac:dyDescent="0.2">
      <c r="A83" s="780" t="s">
        <v>123</v>
      </c>
      <c r="B83" s="780"/>
      <c r="C83" s="781"/>
      <c r="D83" s="782"/>
      <c r="E83" s="783"/>
      <c r="F83" s="784"/>
      <c r="G83" s="782">
        <v>0</v>
      </c>
      <c r="H83" s="783"/>
      <c r="I83" s="783"/>
      <c r="J83" s="153"/>
    </row>
    <row r="84" spans="1:10" s="68" customFormat="1" ht="10.5" x14ac:dyDescent="0.2">
      <c r="A84" s="773" t="s">
        <v>124</v>
      </c>
      <c r="B84" s="773"/>
      <c r="C84" s="774"/>
      <c r="D84" s="785">
        <v>0</v>
      </c>
      <c r="E84" s="786"/>
      <c r="F84" s="787"/>
      <c r="G84" s="785">
        <v>0</v>
      </c>
      <c r="H84" s="786"/>
      <c r="I84" s="786"/>
      <c r="J84" s="153"/>
    </row>
    <row r="85" spans="1:10" s="68" customFormat="1" ht="10.5" x14ac:dyDescent="0.2">
      <c r="A85" s="773" t="s">
        <v>125</v>
      </c>
      <c r="B85" s="773"/>
      <c r="C85" s="774"/>
      <c r="D85" s="785">
        <v>89586907.609999999</v>
      </c>
      <c r="E85" s="786"/>
      <c r="F85" s="787"/>
      <c r="G85" s="785">
        <v>25047026.280000001</v>
      </c>
      <c r="H85" s="786"/>
      <c r="I85" s="786"/>
      <c r="J85" s="153"/>
    </row>
    <row r="86" spans="1:10" s="68" customFormat="1" ht="10.5" x14ac:dyDescent="0.2">
      <c r="A86" s="775" t="s">
        <v>126</v>
      </c>
      <c r="B86" s="775"/>
      <c r="C86" s="776"/>
      <c r="D86" s="788"/>
      <c r="E86" s="789"/>
      <c r="F86" s="790"/>
      <c r="G86" s="788">
        <v>0</v>
      </c>
      <c r="H86" s="789"/>
      <c r="I86" s="789"/>
      <c r="J86" s="153"/>
    </row>
    <row r="87" spans="1:10" s="17" customFormat="1" ht="10.5" x14ac:dyDescent="0.2">
      <c r="A87" s="179"/>
      <c r="B87" s="179"/>
      <c r="C87" s="118"/>
      <c r="D87" s="772"/>
      <c r="E87" s="772"/>
      <c r="F87" s="312"/>
      <c r="G87" s="118"/>
      <c r="H87" s="76"/>
      <c r="I87" s="76"/>
      <c r="J87" s="214"/>
    </row>
    <row r="88" spans="1:10" ht="15" customHeight="1" x14ac:dyDescent="0.15">
      <c r="A88" s="741" t="s">
        <v>145</v>
      </c>
      <c r="B88" s="759" t="s">
        <v>108</v>
      </c>
      <c r="C88" s="760"/>
      <c r="D88" s="759" t="s">
        <v>108</v>
      </c>
      <c r="E88" s="760"/>
      <c r="F88" s="754" t="s">
        <v>109</v>
      </c>
      <c r="G88" s="761"/>
      <c r="H88" s="761"/>
      <c r="I88" s="761"/>
    </row>
    <row r="89" spans="1:10" ht="15" customHeight="1" x14ac:dyDescent="0.2">
      <c r="A89" s="744"/>
      <c r="B89" s="762" t="s">
        <v>111</v>
      </c>
      <c r="C89" s="763"/>
      <c r="D89" s="765" t="s">
        <v>112</v>
      </c>
      <c r="E89" s="744"/>
      <c r="F89" s="739" t="s">
        <v>115</v>
      </c>
      <c r="G89" s="741"/>
      <c r="H89" s="739" t="s">
        <v>115</v>
      </c>
      <c r="I89" s="740"/>
    </row>
    <row r="90" spans="1:10" ht="15" customHeight="1" x14ac:dyDescent="0.2">
      <c r="A90" s="745"/>
      <c r="B90" s="755"/>
      <c r="C90" s="764"/>
      <c r="D90" s="766"/>
      <c r="E90" s="745"/>
      <c r="F90" s="755">
        <v>2015</v>
      </c>
      <c r="G90" s="764"/>
      <c r="H90" s="766">
        <v>2014</v>
      </c>
      <c r="I90" s="767"/>
    </row>
    <row r="91" spans="1:10" s="68" customFormat="1" ht="10.5" x14ac:dyDescent="0.2">
      <c r="A91" s="153" t="s">
        <v>147</v>
      </c>
      <c r="B91" s="679">
        <v>15495000</v>
      </c>
      <c r="C91" s="680">
        <v>0</v>
      </c>
      <c r="D91" s="679">
        <v>31898470.07</v>
      </c>
      <c r="E91" s="680">
        <v>0</v>
      </c>
      <c r="F91" s="679">
        <v>29898470.07</v>
      </c>
      <c r="G91" s="680">
        <v>0</v>
      </c>
      <c r="H91" s="679">
        <v>10936017.67</v>
      </c>
      <c r="I91" s="709">
        <v>0</v>
      </c>
      <c r="J91" s="153"/>
    </row>
    <row r="92" spans="1:10" s="68" customFormat="1" ht="10.5" x14ac:dyDescent="0.2">
      <c r="A92" s="273" t="s">
        <v>178</v>
      </c>
      <c r="B92" s="659">
        <v>15495000</v>
      </c>
      <c r="C92" s="672"/>
      <c r="D92" s="659">
        <v>31898470.07</v>
      </c>
      <c r="E92" s="672"/>
      <c r="F92" s="659">
        <v>29898470.07</v>
      </c>
      <c r="G92" s="672"/>
      <c r="H92" s="659">
        <v>10936017.67</v>
      </c>
      <c r="I92" s="660"/>
      <c r="J92" s="153"/>
    </row>
    <row r="93" spans="1:10" ht="10.5" x14ac:dyDescent="0.2">
      <c r="A93" s="273" t="s">
        <v>146</v>
      </c>
      <c r="B93" s="659">
        <v>13495000</v>
      </c>
      <c r="C93" s="672"/>
      <c r="D93" s="659">
        <v>29898470.07</v>
      </c>
      <c r="E93" s="672"/>
      <c r="F93" s="659">
        <v>29898470.07</v>
      </c>
      <c r="G93" s="672"/>
      <c r="H93" s="659">
        <v>10936017.67</v>
      </c>
      <c r="I93" s="660"/>
    </row>
    <row r="94" spans="1:10" ht="10.5" x14ac:dyDescent="0.2">
      <c r="A94" s="273" t="s">
        <v>283</v>
      </c>
      <c r="B94" s="659">
        <v>9495000</v>
      </c>
      <c r="C94" s="672"/>
      <c r="D94" s="659">
        <v>22783478.32</v>
      </c>
      <c r="E94" s="672"/>
      <c r="F94" s="659">
        <v>22783478.32</v>
      </c>
      <c r="G94" s="672"/>
      <c r="H94" s="659">
        <v>10764134.539999999</v>
      </c>
      <c r="I94" s="660"/>
    </row>
    <row r="95" spans="1:10" ht="10.5" x14ac:dyDescent="0.2">
      <c r="A95" s="273" t="s">
        <v>129</v>
      </c>
      <c r="B95" s="659">
        <v>9495000</v>
      </c>
      <c r="C95" s="672"/>
      <c r="D95" s="659">
        <v>22783478.32</v>
      </c>
      <c r="E95" s="672"/>
      <c r="F95" s="659">
        <v>22783478.32</v>
      </c>
      <c r="G95" s="672"/>
      <c r="H95" s="659">
        <v>10764134.539999999</v>
      </c>
      <c r="I95" s="660"/>
    </row>
    <row r="96" spans="1:10" ht="10.5" x14ac:dyDescent="0.2">
      <c r="A96" s="273" t="s">
        <v>130</v>
      </c>
      <c r="B96" s="659">
        <v>0</v>
      </c>
      <c r="C96" s="672"/>
      <c r="D96" s="659">
        <v>0</v>
      </c>
      <c r="E96" s="672"/>
      <c r="F96" s="659"/>
      <c r="G96" s="672"/>
      <c r="H96" s="659">
        <v>0</v>
      </c>
      <c r="I96" s="660"/>
    </row>
    <row r="97" spans="1:10" ht="10.5" x14ac:dyDescent="0.2">
      <c r="A97" s="273" t="s">
        <v>131</v>
      </c>
      <c r="B97" s="659">
        <v>0</v>
      </c>
      <c r="C97" s="672"/>
      <c r="D97" s="659">
        <v>0</v>
      </c>
      <c r="E97" s="672"/>
      <c r="F97" s="659"/>
      <c r="G97" s="672"/>
      <c r="H97" s="659">
        <v>0</v>
      </c>
      <c r="I97" s="660"/>
    </row>
    <row r="98" spans="1:10" ht="10.5" x14ac:dyDescent="0.2">
      <c r="A98" s="273" t="s">
        <v>284</v>
      </c>
      <c r="B98" s="659">
        <v>4000000</v>
      </c>
      <c r="C98" s="672"/>
      <c r="D98" s="659">
        <v>7114991.75</v>
      </c>
      <c r="E98" s="672"/>
      <c r="F98" s="659">
        <v>7114991.75</v>
      </c>
      <c r="G98" s="672"/>
      <c r="H98" s="659">
        <v>171883.13</v>
      </c>
      <c r="I98" s="660"/>
    </row>
    <row r="99" spans="1:10" ht="10.5" x14ac:dyDescent="0.2">
      <c r="A99" s="273" t="s">
        <v>132</v>
      </c>
      <c r="B99" s="659">
        <v>4000000</v>
      </c>
      <c r="C99" s="672"/>
      <c r="D99" s="659">
        <v>7114991.75</v>
      </c>
      <c r="E99" s="672"/>
      <c r="F99" s="659">
        <v>7114991.75</v>
      </c>
      <c r="G99" s="672"/>
      <c r="H99" s="659">
        <v>171883.13</v>
      </c>
      <c r="I99" s="660"/>
    </row>
    <row r="100" spans="1:10" ht="10.5" x14ac:dyDescent="0.2">
      <c r="A100" s="273" t="s">
        <v>133</v>
      </c>
      <c r="B100" s="659">
        <v>0</v>
      </c>
      <c r="C100" s="672"/>
      <c r="D100" s="659">
        <v>0</v>
      </c>
      <c r="E100" s="672"/>
      <c r="F100" s="659"/>
      <c r="G100" s="672"/>
      <c r="H100" s="659">
        <v>0</v>
      </c>
      <c r="I100" s="660"/>
    </row>
    <row r="101" spans="1:10" ht="10.5" x14ac:dyDescent="0.2">
      <c r="A101" s="273" t="s">
        <v>748</v>
      </c>
      <c r="B101" s="659">
        <v>0</v>
      </c>
      <c r="C101" s="672"/>
      <c r="D101" s="659">
        <v>0</v>
      </c>
      <c r="E101" s="672"/>
      <c r="F101" s="659"/>
      <c r="G101" s="672"/>
      <c r="H101" s="659">
        <v>0</v>
      </c>
      <c r="I101" s="660"/>
    </row>
    <row r="102" spans="1:10" ht="10.5" x14ac:dyDescent="0.2">
      <c r="A102" s="273" t="s">
        <v>768</v>
      </c>
      <c r="B102" s="659">
        <v>2000000</v>
      </c>
      <c r="C102" s="672"/>
      <c r="D102" s="659">
        <v>2000000</v>
      </c>
      <c r="E102" s="672"/>
      <c r="F102" s="659">
        <v>0</v>
      </c>
      <c r="G102" s="672"/>
      <c r="H102" s="659">
        <v>0</v>
      </c>
      <c r="I102" s="660"/>
    </row>
    <row r="103" spans="1:10" ht="10.5" x14ac:dyDescent="0.2">
      <c r="A103" s="273" t="s">
        <v>769</v>
      </c>
      <c r="B103" s="659">
        <v>0</v>
      </c>
      <c r="C103" s="672"/>
      <c r="D103" s="659">
        <v>0</v>
      </c>
      <c r="E103" s="672"/>
      <c r="F103" s="659"/>
      <c r="G103" s="672"/>
      <c r="H103" s="659">
        <v>0</v>
      </c>
      <c r="I103" s="660"/>
    </row>
    <row r="104" spans="1:10" ht="10.5" x14ac:dyDescent="0.2">
      <c r="A104" s="273" t="s">
        <v>179</v>
      </c>
      <c r="B104" s="659">
        <v>0</v>
      </c>
      <c r="C104" s="672"/>
      <c r="D104" s="659">
        <v>0</v>
      </c>
      <c r="E104" s="672"/>
      <c r="F104" s="659"/>
      <c r="G104" s="672"/>
      <c r="H104" s="659">
        <v>0</v>
      </c>
      <c r="I104" s="660"/>
    </row>
    <row r="105" spans="1:10" ht="10.5" x14ac:dyDescent="0.2">
      <c r="A105" s="273" t="s">
        <v>186</v>
      </c>
      <c r="B105" s="659">
        <v>0</v>
      </c>
      <c r="C105" s="672"/>
      <c r="D105" s="659">
        <v>0</v>
      </c>
      <c r="E105" s="672"/>
      <c r="F105" s="659"/>
      <c r="G105" s="672"/>
      <c r="H105" s="659">
        <v>0</v>
      </c>
      <c r="I105" s="660"/>
    </row>
    <row r="106" spans="1:10" ht="10.5" x14ac:dyDescent="0.2">
      <c r="A106" s="273" t="s">
        <v>183</v>
      </c>
      <c r="B106" s="659">
        <v>0</v>
      </c>
      <c r="C106" s="672"/>
      <c r="D106" s="659">
        <v>0</v>
      </c>
      <c r="E106" s="672"/>
      <c r="F106" s="659">
        <v>0</v>
      </c>
      <c r="G106" s="672"/>
      <c r="H106" s="659">
        <v>0</v>
      </c>
      <c r="I106" s="660"/>
    </row>
    <row r="107" spans="1:10" s="68" customFormat="1" ht="10.5" x14ac:dyDescent="0.2">
      <c r="A107" s="68" t="s">
        <v>148</v>
      </c>
      <c r="B107" s="659">
        <v>0</v>
      </c>
      <c r="C107" s="672">
        <v>0</v>
      </c>
      <c r="D107" s="659">
        <v>0</v>
      </c>
      <c r="E107" s="672"/>
      <c r="F107" s="659">
        <v>0</v>
      </c>
      <c r="G107" s="672"/>
      <c r="H107" s="659">
        <v>0</v>
      </c>
      <c r="I107" s="660"/>
      <c r="J107" s="153"/>
    </row>
    <row r="108" spans="1:10" ht="10.5" x14ac:dyDescent="0.2">
      <c r="A108" s="121" t="s">
        <v>120</v>
      </c>
      <c r="B108" s="659">
        <v>0</v>
      </c>
      <c r="C108" s="672"/>
      <c r="D108" s="659">
        <v>0</v>
      </c>
      <c r="E108" s="672"/>
      <c r="F108" s="659"/>
      <c r="G108" s="672"/>
      <c r="H108" s="659">
        <v>0</v>
      </c>
      <c r="I108" s="660"/>
    </row>
    <row r="109" spans="1:10" ht="10.5" x14ac:dyDescent="0.2">
      <c r="A109" s="273" t="s">
        <v>228</v>
      </c>
      <c r="B109" s="659">
        <v>0</v>
      </c>
      <c r="C109" s="672"/>
      <c r="D109" s="659">
        <v>0</v>
      </c>
      <c r="E109" s="672"/>
      <c r="F109" s="659"/>
      <c r="G109" s="672"/>
      <c r="H109" s="659">
        <v>0</v>
      </c>
      <c r="I109" s="660"/>
    </row>
    <row r="110" spans="1:10" ht="10.5" x14ac:dyDescent="0.2">
      <c r="A110" s="121" t="s">
        <v>286</v>
      </c>
      <c r="B110" s="659">
        <v>0</v>
      </c>
      <c r="C110" s="672"/>
      <c r="D110" s="659">
        <v>0</v>
      </c>
      <c r="E110" s="672"/>
      <c r="F110" s="659"/>
      <c r="G110" s="672"/>
      <c r="H110" s="659">
        <v>0</v>
      </c>
      <c r="I110" s="660"/>
    </row>
    <row r="111" spans="1:10" s="150" customFormat="1" ht="10.5" x14ac:dyDescent="0.2">
      <c r="A111" s="68"/>
      <c r="B111" s="659"/>
      <c r="C111" s="672"/>
      <c r="D111" s="710"/>
      <c r="E111" s="723"/>
      <c r="F111" s="710"/>
      <c r="G111" s="723"/>
      <c r="H111" s="710"/>
      <c r="I111" s="711"/>
      <c r="J111" s="214"/>
    </row>
    <row r="112" spans="1:10" s="159" customFormat="1" ht="21.75" customHeight="1" x14ac:dyDescent="0.2">
      <c r="A112" s="160" t="s">
        <v>767</v>
      </c>
      <c r="B112" s="669">
        <v>15495000</v>
      </c>
      <c r="C112" s="670"/>
      <c r="D112" s="669">
        <v>31898470.07</v>
      </c>
      <c r="E112" s="670"/>
      <c r="F112" s="669">
        <v>29898470.07</v>
      </c>
      <c r="G112" s="708"/>
      <c r="H112" s="669">
        <v>10936017.67</v>
      </c>
      <c r="I112" s="708"/>
      <c r="J112" s="391"/>
    </row>
    <row r="113" spans="1:10" ht="10.5" x14ac:dyDescent="0.15">
      <c r="A113" s="193"/>
      <c r="B113" s="194"/>
      <c r="C113" s="194"/>
      <c r="D113" s="195"/>
      <c r="E113" s="195"/>
      <c r="F113" s="195"/>
      <c r="G113" s="196"/>
      <c r="H113" s="196"/>
      <c r="I113" s="196"/>
    </row>
    <row r="114" spans="1:10" ht="33" customHeight="1" x14ac:dyDescent="0.15">
      <c r="A114" s="189"/>
      <c r="B114" s="197" t="s">
        <v>157</v>
      </c>
      <c r="C114" s="197" t="s">
        <v>157</v>
      </c>
      <c r="D114" s="690" t="s">
        <v>158</v>
      </c>
      <c r="E114" s="692"/>
      <c r="F114" s="756" t="s">
        <v>159</v>
      </c>
      <c r="G114" s="757"/>
      <c r="H114" s="756" t="s">
        <v>348</v>
      </c>
      <c r="I114" s="758"/>
    </row>
    <row r="115" spans="1:10" ht="15" customHeight="1" x14ac:dyDescent="0.2">
      <c r="A115" s="191" t="s">
        <v>149</v>
      </c>
      <c r="B115" s="768" t="s">
        <v>111</v>
      </c>
      <c r="C115" s="768" t="s">
        <v>112</v>
      </c>
      <c r="D115" s="311" t="s">
        <v>115</v>
      </c>
      <c r="E115" s="311" t="s">
        <v>115</v>
      </c>
      <c r="F115" s="311" t="s">
        <v>115</v>
      </c>
      <c r="G115" s="311" t="s">
        <v>115</v>
      </c>
      <c r="H115" s="752" t="s">
        <v>745</v>
      </c>
      <c r="I115" s="754" t="s">
        <v>746</v>
      </c>
    </row>
    <row r="116" spans="1:10" ht="15" customHeight="1" x14ac:dyDescent="0.2">
      <c r="A116" s="190"/>
      <c r="B116" s="743"/>
      <c r="C116" s="743"/>
      <c r="D116" s="316">
        <v>2015</v>
      </c>
      <c r="E116" s="315">
        <v>2014</v>
      </c>
      <c r="F116" s="316">
        <v>2015</v>
      </c>
      <c r="G116" s="315">
        <v>2014</v>
      </c>
      <c r="H116" s="753"/>
      <c r="I116" s="755"/>
    </row>
    <row r="117" spans="1:10" s="68" customFormat="1" ht="12.75" customHeight="1" x14ac:dyDescent="0.2">
      <c r="A117" s="158" t="s">
        <v>150</v>
      </c>
      <c r="B117" s="593">
        <v>0</v>
      </c>
      <c r="C117" s="593">
        <v>0</v>
      </c>
      <c r="D117" s="593">
        <v>0</v>
      </c>
      <c r="E117" s="593">
        <v>0</v>
      </c>
      <c r="F117" s="593">
        <v>0</v>
      </c>
      <c r="G117" s="593">
        <v>0</v>
      </c>
      <c r="H117" s="593">
        <v>0</v>
      </c>
      <c r="I117" s="594">
        <v>0</v>
      </c>
      <c r="J117" s="153"/>
    </row>
    <row r="118" spans="1:10" ht="10.5" x14ac:dyDescent="0.2">
      <c r="A118" s="26" t="s">
        <v>204</v>
      </c>
      <c r="B118" s="408"/>
      <c r="C118" s="408"/>
      <c r="D118" s="408"/>
      <c r="E118" s="408"/>
      <c r="F118" s="408"/>
      <c r="G118" s="408"/>
      <c r="H118" s="408"/>
      <c r="I118" s="589"/>
    </row>
    <row r="119" spans="1:10" ht="10.5" x14ac:dyDescent="0.2">
      <c r="A119" s="27" t="s">
        <v>205</v>
      </c>
      <c r="B119" s="408"/>
      <c r="C119" s="408"/>
      <c r="D119" s="408"/>
      <c r="E119" s="408"/>
      <c r="F119" s="408"/>
      <c r="G119" s="408"/>
      <c r="H119" s="408"/>
      <c r="I119" s="589"/>
    </row>
    <row r="120" spans="1:10" s="68" customFormat="1" ht="15" customHeight="1" x14ac:dyDescent="0.2">
      <c r="A120" s="11" t="s">
        <v>151</v>
      </c>
      <c r="B120" s="342">
        <v>0</v>
      </c>
      <c r="C120" s="342">
        <v>0</v>
      </c>
      <c r="D120" s="342">
        <v>0</v>
      </c>
      <c r="E120" s="342">
        <v>0</v>
      </c>
      <c r="F120" s="342">
        <v>0</v>
      </c>
      <c r="G120" s="342">
        <v>0</v>
      </c>
      <c r="H120" s="342">
        <v>0</v>
      </c>
      <c r="I120" s="343">
        <v>0</v>
      </c>
      <c r="J120" s="153"/>
    </row>
    <row r="121" spans="1:10" ht="14.25" customHeight="1" x14ac:dyDescent="0.2">
      <c r="A121" s="179" t="s">
        <v>862</v>
      </c>
      <c r="B121" s="152"/>
      <c r="C121" s="152"/>
      <c r="D121" s="152"/>
      <c r="E121" s="152"/>
      <c r="I121" s="302"/>
    </row>
    <row r="122" spans="1:10" s="17" customFormat="1" ht="11.25" customHeight="1" x14ac:dyDescent="0.2">
      <c r="A122" s="214"/>
      <c r="J122" s="214"/>
    </row>
    <row r="124" spans="1:10" s="273" customFormat="1" ht="11.25" customHeight="1" x14ac:dyDescent="0.2">
      <c r="J124" s="214"/>
    </row>
    <row r="125" spans="1:10" s="273" customFormat="1" ht="11.25" customHeight="1" x14ac:dyDescent="0.2">
      <c r="J125" s="214"/>
    </row>
    <row r="128" spans="1:10" ht="11.25" customHeight="1" x14ac:dyDescent="0.2">
      <c r="A128" s="273"/>
      <c r="B128" s="273"/>
      <c r="C128" s="273"/>
      <c r="D128" s="273"/>
      <c r="E128" s="273"/>
      <c r="F128" s="273"/>
      <c r="G128" s="273"/>
      <c r="H128" s="273"/>
      <c r="I128" s="273"/>
    </row>
    <row r="130" s="46" customFormat="1" ht="11.25" customHeight="1" x14ac:dyDescent="0.2"/>
    <row r="131" s="46" customFormat="1" ht="11.25" customHeight="1" x14ac:dyDescent="0.2"/>
    <row r="132" s="46" customFormat="1" ht="11.25" customHeight="1" x14ac:dyDescent="0.2"/>
    <row r="133" s="46" customFormat="1" ht="11.25" customHeight="1" x14ac:dyDescent="0.2"/>
    <row r="134" s="46" customFormat="1" ht="11.25" customHeight="1" x14ac:dyDescent="0.2"/>
    <row r="135" s="46" customFormat="1" ht="11.25" customHeight="1" x14ac:dyDescent="0.2"/>
    <row r="136" s="46" customFormat="1" ht="11.25" customHeight="1" x14ac:dyDescent="0.2"/>
  </sheetData>
  <dataConsolidate/>
  <customSheetViews>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48" orientation="portrait" r:id="rId1"/>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2"/>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3"/>
      <headerFooter alignWithMargins="0"/>
    </customSheetView>
    <customSheetView guid="{82EDB5A4-4824-4632-A540-7A52C92F04C7}" showPageBreaks="1" showGridLines="0" fitToPage="1" topLeftCell="A10">
      <pane xSplit="1" ySplit="3" topLeftCell="B85" activePane="bottomRight" state="frozen"/>
      <selection pane="bottomRight" activeCell="B102" sqref="B102:C102"/>
      <pageMargins left="0.19685039370078741" right="0.19685039370078741" top="0.59055118110236227" bottom="0.19685039370078741" header="0" footer="0"/>
      <printOptions horizontalCentered="1"/>
      <pageSetup paperSize="9" scale="48" orientation="portrait" r:id="rId4"/>
      <headerFooter alignWithMargins="0"/>
    </customSheetView>
    <customSheetView guid="{C779D862-DE28-46CD-A428-4AAA1056D1E1}" showPageBreaks="1" showGridLines="0" fitToPage="1" printArea="1">
      <selection activeCell="D86" sqref="D86:F86"/>
      <pageMargins left="0.19685039370078741" right="0.19685039370078741" top="0.59055118110236227" bottom="0.19685039370078741" header="0" footer="0"/>
      <printOptions horizontalCentered="1"/>
      <pageSetup paperSize="9" scale="47" orientation="portrait" r:id="rId5"/>
      <headerFooter alignWithMargins="0"/>
    </customSheetView>
    <customSheetView guid="{25EF1E0D-169B-4051-B414-7E1196FC05E4}" showPageBreaks="1" showGridLines="0" fitToPage="1" printArea="1" topLeftCell="C70">
      <selection activeCell="D86" sqref="D86:F86"/>
      <pageMargins left="0.19685039370078741" right="0.19685039370078741" top="0.59055118110236227" bottom="0.19685039370078741" header="0" footer="0"/>
      <printOptions horizontalCentered="1"/>
      <pageSetup paperSize="9" scale="47" orientation="portrait" r:id="rId6"/>
      <headerFooter alignWithMargins="0"/>
    </customSheetView>
    <customSheetView guid="{3AAF6A5F-F9AA-430B-9AD9-1261ECDF41B5}" showPageBreaks="1" showGridLines="0" fitToPage="1">
      <selection activeCell="Q16" sqref="Q16"/>
      <pageMargins left="0.19685039370078741" right="0.19685039370078741" top="0.59055118110236227" bottom="0.19685039370078741" header="0" footer="0"/>
      <printOptions horizontalCentered="1"/>
      <pageSetup paperSize="9" scale="47" orientation="portrait" r:id="rId7"/>
      <headerFooter alignWithMargins="0"/>
    </customSheetView>
  </customSheetViews>
  <mergeCells count="304">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 ref="A79:C79"/>
    <mergeCell ref="D79:I79"/>
    <mergeCell ref="A81:C82"/>
    <mergeCell ref="D81:I81"/>
    <mergeCell ref="D82:F82"/>
    <mergeCell ref="G82:I82"/>
    <mergeCell ref="A86:C86"/>
    <mergeCell ref="D86:F86"/>
    <mergeCell ref="G86:I86"/>
    <mergeCell ref="B75:C75"/>
    <mergeCell ref="D75:E75"/>
    <mergeCell ref="F75:G75"/>
    <mergeCell ref="H75:I75"/>
    <mergeCell ref="B76:C76"/>
    <mergeCell ref="D76:E76"/>
    <mergeCell ref="F76:G76"/>
    <mergeCell ref="H76:I76"/>
    <mergeCell ref="A78:C78"/>
    <mergeCell ref="D78:I78"/>
    <mergeCell ref="B72:C72"/>
    <mergeCell ref="D72:E72"/>
    <mergeCell ref="F72:G72"/>
    <mergeCell ref="H72:I72"/>
    <mergeCell ref="B73:C73"/>
    <mergeCell ref="D73:E73"/>
    <mergeCell ref="F73:G73"/>
    <mergeCell ref="H73:I73"/>
    <mergeCell ref="B74:C74"/>
    <mergeCell ref="D74:E74"/>
    <mergeCell ref="F74:G74"/>
    <mergeCell ref="H74:I74"/>
    <mergeCell ref="B69:C69"/>
    <mergeCell ref="D69:E69"/>
    <mergeCell ref="F69:G69"/>
    <mergeCell ref="H69:I69"/>
    <mergeCell ref="B70:C70"/>
    <mergeCell ref="D70:E70"/>
    <mergeCell ref="F70:G70"/>
    <mergeCell ref="H70:I70"/>
    <mergeCell ref="B71:C71"/>
    <mergeCell ref="D71:E71"/>
    <mergeCell ref="F71:G71"/>
    <mergeCell ref="H71:I71"/>
    <mergeCell ref="F9:G9"/>
    <mergeCell ref="B10:C10"/>
    <mergeCell ref="D10:E10"/>
    <mergeCell ref="B11:C12"/>
    <mergeCell ref="D11:E12"/>
    <mergeCell ref="B42:B43"/>
    <mergeCell ref="C42:C43"/>
    <mergeCell ref="B65:C65"/>
    <mergeCell ref="D65:E65"/>
    <mergeCell ref="F65:I65"/>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D100:E100"/>
    <mergeCell ref="H101:I101"/>
    <mergeCell ref="F91:G91"/>
    <mergeCell ref="F96:G96"/>
    <mergeCell ref="B66:C67"/>
    <mergeCell ref="D66:E67"/>
    <mergeCell ref="F66:G66"/>
    <mergeCell ref="H66:I66"/>
    <mergeCell ref="F89:G89"/>
    <mergeCell ref="H89:I89"/>
    <mergeCell ref="F90:G90"/>
    <mergeCell ref="D97:E97"/>
    <mergeCell ref="F97:G97"/>
    <mergeCell ref="B101:C101"/>
    <mergeCell ref="D101:E101"/>
    <mergeCell ref="F101:G101"/>
    <mergeCell ref="B96:C96"/>
    <mergeCell ref="B99:C99"/>
    <mergeCell ref="D99:E99"/>
    <mergeCell ref="F99:G99"/>
    <mergeCell ref="F67:G67"/>
    <mergeCell ref="B68:C68"/>
    <mergeCell ref="D68:E68"/>
    <mergeCell ref="F68:G68"/>
    <mergeCell ref="A65:A67"/>
    <mergeCell ref="H41:I41"/>
    <mergeCell ref="F41:G41"/>
    <mergeCell ref="D41:E41"/>
    <mergeCell ref="B37:C37"/>
    <mergeCell ref="D37:E37"/>
    <mergeCell ref="F37:G37"/>
    <mergeCell ref="H37:I37"/>
    <mergeCell ref="B38:C38"/>
    <mergeCell ref="D38:E38"/>
    <mergeCell ref="F38:G38"/>
    <mergeCell ref="A41:A43"/>
    <mergeCell ref="H67:I67"/>
    <mergeCell ref="F31:G31"/>
    <mergeCell ref="H31:I31"/>
    <mergeCell ref="B32:C32"/>
    <mergeCell ref="D32:E32"/>
    <mergeCell ref="F32:G32"/>
    <mergeCell ref="H32:I32"/>
    <mergeCell ref="F29:G29"/>
    <mergeCell ref="H29:I29"/>
    <mergeCell ref="B30:C30"/>
    <mergeCell ref="D30:E30"/>
    <mergeCell ref="F30:G30"/>
    <mergeCell ref="H30:I30"/>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B14:C14"/>
    <mergeCell ref="D13:E13"/>
    <mergeCell ref="F13:G13"/>
    <mergeCell ref="H13:I13"/>
    <mergeCell ref="D14:E14"/>
    <mergeCell ref="F14:G14"/>
    <mergeCell ref="H14:I14"/>
    <mergeCell ref="B15:C15"/>
    <mergeCell ref="D15:E15"/>
    <mergeCell ref="F15:G15"/>
    <mergeCell ref="H15:I15"/>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H114:I114"/>
    <mergeCell ref="I42:I43"/>
    <mergeCell ref="H42:H43"/>
    <mergeCell ref="H112:I112"/>
    <mergeCell ref="H90:I90"/>
    <mergeCell ref="F88:I88"/>
    <mergeCell ref="H91:I91"/>
    <mergeCell ref="F114:G114"/>
    <mergeCell ref="H111:I111"/>
    <mergeCell ref="H95:I95"/>
    <mergeCell ref="H96:I96"/>
    <mergeCell ref="H105:I105"/>
    <mergeCell ref="H109:I109"/>
    <mergeCell ref="H68:I68"/>
    <mergeCell ref="H94:I94"/>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s>
  <phoneticPr fontId="1" type="noConversion"/>
  <printOptions horizontalCentered="1"/>
  <pageMargins left="0.19685039370078741" right="0.19685039370078741" top="0.59055118110236227" bottom="0.19685039370078741" header="0" footer="0"/>
  <pageSetup paperSize="9" scale="47" orientation="portrait" r:id="rId8"/>
  <headerFooter alignWithMargins="0"/>
  <drawing r:id="rId9"/>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tabColor rgb="FF92D050"/>
    <pageSetUpPr fitToPage="1"/>
  </sheetPr>
  <dimension ref="A1:G60"/>
  <sheetViews>
    <sheetView showGridLines="0" zoomScaleNormal="100" workbookViewId="0"/>
  </sheetViews>
  <sheetFormatPr defaultRowHeight="11.25" customHeight="1" x14ac:dyDescent="0.2"/>
  <cols>
    <col min="1" max="1" width="65.140625" style="168" customWidth="1"/>
    <col min="2" max="6" width="14.140625" style="168" customWidth="1"/>
    <col min="7" max="7" width="16.42578125" style="168" customWidth="1"/>
    <col min="8" max="16384" width="9.140625" style="168"/>
  </cols>
  <sheetData>
    <row r="1" spans="1:7" s="23" customFormat="1" ht="10.5" x14ac:dyDescent="0.2">
      <c r="A1" s="300"/>
      <c r="B1" s="300"/>
      <c r="C1" s="300"/>
      <c r="D1" s="300"/>
      <c r="E1" s="300"/>
      <c r="F1" s="300"/>
      <c r="G1" s="300"/>
    </row>
    <row r="2" spans="1:7" s="23" customFormat="1" ht="10.5" x14ac:dyDescent="0.2">
      <c r="D2" s="111"/>
      <c r="E2" s="111"/>
    </row>
    <row r="3" spans="1:7" s="46" customFormat="1" ht="10.5" x14ac:dyDescent="0.2">
      <c r="A3" s="681" t="s">
        <v>641</v>
      </c>
      <c r="B3" s="681"/>
      <c r="C3" s="681"/>
      <c r="D3" s="681"/>
      <c r="E3" s="681"/>
      <c r="F3" s="681"/>
      <c r="G3" s="681"/>
    </row>
    <row r="4" spans="1:7" s="46" customFormat="1" ht="10.5" x14ac:dyDescent="0.2">
      <c r="A4" s="681" t="s">
        <v>105</v>
      </c>
      <c r="B4" s="681"/>
      <c r="C4" s="681"/>
      <c r="D4" s="681"/>
      <c r="E4" s="681"/>
      <c r="F4" s="681"/>
      <c r="G4" s="681"/>
    </row>
    <row r="5" spans="1:7" s="46" customFormat="1" ht="10.5" x14ac:dyDescent="0.2">
      <c r="A5" s="681" t="s">
        <v>555</v>
      </c>
      <c r="B5" s="681"/>
      <c r="C5" s="681"/>
      <c r="D5" s="681"/>
      <c r="E5" s="681"/>
      <c r="F5" s="681"/>
      <c r="G5" s="681"/>
    </row>
    <row r="6" spans="1:7" s="46" customFormat="1" ht="10.5" x14ac:dyDescent="0.2">
      <c r="A6" s="681" t="s">
        <v>107</v>
      </c>
      <c r="B6" s="681"/>
      <c r="C6" s="681"/>
      <c r="D6" s="681"/>
      <c r="E6" s="681"/>
      <c r="F6" s="681"/>
      <c r="G6" s="681"/>
    </row>
    <row r="7" spans="1:7" s="46" customFormat="1" ht="10.5" x14ac:dyDescent="0.2">
      <c r="A7" s="681" t="s">
        <v>879</v>
      </c>
      <c r="B7" s="681"/>
      <c r="C7" s="681"/>
      <c r="D7" s="681"/>
      <c r="E7" s="681"/>
      <c r="F7" s="681"/>
      <c r="G7" s="681"/>
    </row>
    <row r="8" spans="1:7" s="23" customFormat="1" ht="10.5" x14ac:dyDescent="0.2">
      <c r="A8" s="47"/>
      <c r="B8" s="47"/>
      <c r="C8" s="47"/>
      <c r="D8" s="47"/>
      <c r="E8" s="47"/>
      <c r="F8" s="47"/>
      <c r="G8" s="47"/>
    </row>
    <row r="9" spans="1:7" s="23" customFormat="1" ht="10.5" x14ac:dyDescent="0.2">
      <c r="A9" s="23" t="s">
        <v>556</v>
      </c>
      <c r="D9" s="129"/>
      <c r="E9" s="111"/>
      <c r="G9" s="225">
        <v>1</v>
      </c>
    </row>
    <row r="10" spans="1:7" s="68" customFormat="1" ht="15" customHeight="1" x14ac:dyDescent="0.2">
      <c r="A10" s="741" t="s">
        <v>557</v>
      </c>
      <c r="B10" s="756" t="s">
        <v>161</v>
      </c>
      <c r="C10" s="758"/>
      <c r="D10" s="758"/>
      <c r="E10" s="758"/>
      <c r="F10" s="758"/>
      <c r="G10" s="758"/>
    </row>
    <row r="11" spans="1:7" s="68" customFormat="1" ht="15" customHeight="1" x14ac:dyDescent="0.2">
      <c r="A11" s="744"/>
      <c r="B11" s="739" t="s">
        <v>765</v>
      </c>
      <c r="C11" s="741"/>
      <c r="D11" s="684" t="s">
        <v>884</v>
      </c>
      <c r="E11" s="685"/>
      <c r="F11" s="684" t="s">
        <v>885</v>
      </c>
      <c r="G11" s="819"/>
    </row>
    <row r="12" spans="1:7" s="68" customFormat="1" ht="15" customHeight="1" x14ac:dyDescent="0.2">
      <c r="A12" s="745"/>
      <c r="B12" s="755" t="s">
        <v>116</v>
      </c>
      <c r="C12" s="764"/>
      <c r="D12" s="814" t="s">
        <v>117</v>
      </c>
      <c r="E12" s="698"/>
      <c r="F12" s="697" t="s">
        <v>152</v>
      </c>
      <c r="G12" s="814"/>
    </row>
    <row r="13" spans="1:7" s="68" customFormat="1" ht="10.5" x14ac:dyDescent="0.2">
      <c r="A13" s="153" t="s">
        <v>558</v>
      </c>
      <c r="B13" s="679">
        <v>8602359025.3500004</v>
      </c>
      <c r="C13" s="680"/>
      <c r="D13" s="679">
        <v>8824362257.5</v>
      </c>
      <c r="E13" s="680"/>
      <c r="F13" s="679">
        <v>8978267911.7399979</v>
      </c>
      <c r="G13" s="709"/>
    </row>
    <row r="14" spans="1:7" s="68" customFormat="1" ht="10.5" x14ac:dyDescent="0.2">
      <c r="A14" s="153" t="s">
        <v>184</v>
      </c>
      <c r="B14" s="665">
        <v>609938356.01999998</v>
      </c>
      <c r="C14" s="676"/>
      <c r="D14" s="665">
        <v>1011249446.7199999</v>
      </c>
      <c r="E14" s="676"/>
      <c r="F14" s="665">
        <v>953817822.3499999</v>
      </c>
      <c r="G14" s="666"/>
    </row>
    <row r="15" spans="1:7" ht="10.5" x14ac:dyDescent="0.2">
      <c r="A15" s="167" t="s">
        <v>559</v>
      </c>
      <c r="B15" s="659">
        <v>755342169.38999999</v>
      </c>
      <c r="C15" s="672"/>
      <c r="D15" s="659">
        <v>1070565719.9299999</v>
      </c>
      <c r="E15" s="672"/>
      <c r="F15" s="659">
        <v>1011365153.54</v>
      </c>
      <c r="G15" s="660"/>
    </row>
    <row r="16" spans="1:7" ht="10.5" x14ac:dyDescent="0.2">
      <c r="A16" s="167" t="s">
        <v>560</v>
      </c>
      <c r="B16" s="659">
        <v>0</v>
      </c>
      <c r="C16" s="672"/>
      <c r="D16" s="659">
        <v>0</v>
      </c>
      <c r="E16" s="672"/>
      <c r="F16" s="659">
        <v>0</v>
      </c>
      <c r="G16" s="660"/>
    </row>
    <row r="17" spans="1:7" ht="10.5" x14ac:dyDescent="0.2">
      <c r="A17" s="167" t="s">
        <v>561</v>
      </c>
      <c r="B17" s="659">
        <v>145403813.37</v>
      </c>
      <c r="C17" s="672"/>
      <c r="D17" s="659">
        <v>59316273.210000001</v>
      </c>
      <c r="E17" s="672"/>
      <c r="F17" s="659">
        <v>57547331.189999998</v>
      </c>
      <c r="G17" s="660"/>
    </row>
    <row r="18" spans="1:7" s="68" customFormat="1" ht="10.5" x14ac:dyDescent="0.2">
      <c r="A18" s="153" t="s">
        <v>562</v>
      </c>
      <c r="B18" s="665">
        <v>7992420669.3299999</v>
      </c>
      <c r="C18" s="676"/>
      <c r="D18" s="665">
        <v>7813112810.7799997</v>
      </c>
      <c r="E18" s="676"/>
      <c r="F18" s="665">
        <v>8024450089.3899975</v>
      </c>
      <c r="G18" s="666"/>
    </row>
    <row r="19" spans="1:7" s="68" customFormat="1" ht="10.5" x14ac:dyDescent="0.2">
      <c r="A19" s="153" t="s">
        <v>563</v>
      </c>
      <c r="B19" s="665">
        <v>0</v>
      </c>
      <c r="C19" s="676"/>
      <c r="D19" s="665">
        <v>0</v>
      </c>
      <c r="E19" s="676"/>
      <c r="F19" s="665">
        <v>0</v>
      </c>
      <c r="G19" s="666"/>
    </row>
    <row r="20" spans="1:7" s="68" customFormat="1" ht="10.5" x14ac:dyDescent="0.2">
      <c r="A20" s="153" t="s">
        <v>564</v>
      </c>
      <c r="B20" s="665">
        <v>94123805.310000002</v>
      </c>
      <c r="C20" s="676"/>
      <c r="D20" s="665">
        <v>94057476.120000005</v>
      </c>
      <c r="E20" s="676"/>
      <c r="F20" s="661">
        <v>94169050.359999999</v>
      </c>
      <c r="G20" s="662"/>
    </row>
    <row r="21" spans="1:7" s="68" customFormat="1" ht="15" customHeight="1" x14ac:dyDescent="0.2">
      <c r="A21" s="113" t="s">
        <v>565</v>
      </c>
      <c r="B21" s="669">
        <v>7898296864.0199995</v>
      </c>
      <c r="C21" s="670"/>
      <c r="D21" s="669">
        <v>7719055334.6599998</v>
      </c>
      <c r="E21" s="670"/>
      <c r="F21" s="669">
        <v>7930281039.0299978</v>
      </c>
      <c r="G21" s="708"/>
    </row>
    <row r="22" spans="1:7" ht="10.5" x14ac:dyDescent="0.2">
      <c r="B22" s="46"/>
      <c r="C22" s="46"/>
      <c r="D22" s="46"/>
      <c r="E22" s="46"/>
      <c r="F22" s="46"/>
      <c r="G22" s="46"/>
    </row>
    <row r="23" spans="1:7" s="68" customFormat="1" ht="15" customHeight="1" x14ac:dyDescent="0.2">
      <c r="A23" s="108"/>
      <c r="B23" s="690" t="s">
        <v>208</v>
      </c>
      <c r="C23" s="691"/>
      <c r="D23" s="691"/>
      <c r="E23" s="691"/>
      <c r="F23" s="691"/>
      <c r="G23" s="691"/>
    </row>
    <row r="24" spans="1:7" s="68" customFormat="1" ht="15" customHeight="1" x14ac:dyDescent="0.2">
      <c r="A24" s="165" t="s">
        <v>566</v>
      </c>
      <c r="B24" s="162"/>
      <c r="C24" s="163" t="s">
        <v>113</v>
      </c>
      <c r="D24" s="164"/>
      <c r="E24" s="162"/>
      <c r="F24" s="163" t="s">
        <v>115</v>
      </c>
      <c r="G24" s="163"/>
    </row>
    <row r="25" spans="1:7" s="68" customFormat="1" ht="15" customHeight="1" x14ac:dyDescent="0.2">
      <c r="A25" s="51"/>
      <c r="B25" s="13"/>
      <c r="C25" s="387" t="s">
        <v>567</v>
      </c>
      <c r="D25" s="161"/>
      <c r="E25" s="13"/>
      <c r="F25" s="387" t="s">
        <v>568</v>
      </c>
      <c r="G25" s="178"/>
    </row>
    <row r="26" spans="1:7" s="68" customFormat="1" ht="15" customHeight="1" x14ac:dyDescent="0.2">
      <c r="A26" s="166" t="s">
        <v>209</v>
      </c>
      <c r="B26" s="805">
        <v>211225704.36999798</v>
      </c>
      <c r="C26" s="806"/>
      <c r="D26" s="807"/>
      <c r="E26" s="805">
        <v>31984175.009998322</v>
      </c>
      <c r="F26" s="806"/>
      <c r="G26" s="806"/>
    </row>
    <row r="27" spans="1:7" ht="10.5" x14ac:dyDescent="0.2">
      <c r="B27" s="46"/>
      <c r="C27" s="46"/>
      <c r="D27" s="58"/>
      <c r="E27" s="58"/>
      <c r="F27" s="46"/>
      <c r="G27" s="46"/>
    </row>
    <row r="28" spans="1:7" s="68" customFormat="1" ht="15" customHeight="1" x14ac:dyDescent="0.2">
      <c r="A28" s="740" t="s">
        <v>569</v>
      </c>
      <c r="B28" s="740"/>
      <c r="C28" s="740"/>
      <c r="D28" s="741"/>
      <c r="E28" s="754" t="s">
        <v>570</v>
      </c>
      <c r="F28" s="761"/>
      <c r="G28" s="761"/>
    </row>
    <row r="29" spans="1:7" s="68" customFormat="1" ht="15" customHeight="1" x14ac:dyDescent="0.2">
      <c r="A29" s="817" t="s">
        <v>764</v>
      </c>
      <c r="B29" s="817"/>
      <c r="C29" s="817"/>
      <c r="D29" s="818"/>
      <c r="E29" s="815">
        <v>-279873000</v>
      </c>
      <c r="F29" s="816"/>
      <c r="G29" s="816"/>
    </row>
    <row r="30" spans="1:7" ht="10.5" x14ac:dyDescent="0.2">
      <c r="A30" s="22"/>
      <c r="B30" s="22"/>
      <c r="C30" s="22"/>
      <c r="D30" s="22"/>
      <c r="E30" s="66"/>
      <c r="F30" s="66"/>
      <c r="G30" s="66"/>
    </row>
    <row r="31" spans="1:7" s="68" customFormat="1" ht="15" customHeight="1" x14ac:dyDescent="0.2">
      <c r="A31" s="691" t="s">
        <v>571</v>
      </c>
      <c r="B31" s="691"/>
      <c r="C31" s="691"/>
      <c r="D31" s="691"/>
      <c r="E31" s="691"/>
      <c r="F31" s="691"/>
      <c r="G31" s="691"/>
    </row>
    <row r="32" spans="1:7" s="68" customFormat="1" ht="15" customHeight="1" x14ac:dyDescent="0.2">
      <c r="A32" s="108"/>
      <c r="B32" s="756" t="s">
        <v>161</v>
      </c>
      <c r="C32" s="758"/>
      <c r="D32" s="758"/>
      <c r="E32" s="758"/>
      <c r="F32" s="758"/>
      <c r="G32" s="758"/>
    </row>
    <row r="33" spans="1:7" s="68" customFormat="1" ht="15" customHeight="1" x14ac:dyDescent="0.2">
      <c r="A33" s="165" t="s">
        <v>572</v>
      </c>
      <c r="B33" s="739" t="s">
        <v>765</v>
      </c>
      <c r="C33" s="741"/>
      <c r="D33" s="684" t="s">
        <v>884</v>
      </c>
      <c r="E33" s="702"/>
      <c r="F33" s="684" t="s">
        <v>885</v>
      </c>
      <c r="G33" s="813"/>
    </row>
    <row r="34" spans="1:7" s="68" customFormat="1" ht="15" customHeight="1" x14ac:dyDescent="0.2">
      <c r="A34" s="51"/>
      <c r="B34" s="755" t="s">
        <v>116</v>
      </c>
      <c r="C34" s="764"/>
      <c r="D34" s="814" t="s">
        <v>117</v>
      </c>
      <c r="E34" s="698"/>
      <c r="F34" s="697" t="s">
        <v>152</v>
      </c>
      <c r="G34" s="814"/>
    </row>
    <row r="35" spans="1:7" s="68" customFormat="1" ht="10.5" x14ac:dyDescent="0.2">
      <c r="A35" s="68" t="s">
        <v>573</v>
      </c>
      <c r="B35" s="810">
        <v>44598835.219999999</v>
      </c>
      <c r="C35" s="811"/>
      <c r="D35" s="810">
        <v>44598835.219999999</v>
      </c>
      <c r="E35" s="811"/>
      <c r="F35" s="810">
        <v>44598835.219999999</v>
      </c>
      <c r="G35" s="812"/>
    </row>
    <row r="36" spans="1:7" ht="10.5" x14ac:dyDescent="0.2">
      <c r="A36" s="168" t="s">
        <v>574</v>
      </c>
      <c r="B36" s="673">
        <v>44598835.219999999</v>
      </c>
      <c r="C36" s="674"/>
      <c r="D36" s="673">
        <v>44598835.219999999</v>
      </c>
      <c r="E36" s="674"/>
      <c r="F36" s="673">
        <v>44598835.219999999</v>
      </c>
      <c r="G36" s="809"/>
    </row>
    <row r="37" spans="1:7" ht="10.5" x14ac:dyDescent="0.2">
      <c r="A37" s="168" t="s">
        <v>575</v>
      </c>
      <c r="B37" s="673">
        <v>0</v>
      </c>
      <c r="C37" s="674"/>
      <c r="D37" s="673">
        <v>0</v>
      </c>
      <c r="E37" s="674"/>
      <c r="F37" s="673">
        <v>0</v>
      </c>
      <c r="G37" s="809"/>
    </row>
    <row r="38" spans="1:7" s="68" customFormat="1" ht="10.5" x14ac:dyDescent="0.2">
      <c r="A38" s="68" t="s">
        <v>576</v>
      </c>
      <c r="B38" s="677">
        <v>32803010.439999998</v>
      </c>
      <c r="C38" s="678"/>
      <c r="D38" s="677">
        <v>198858164.12</v>
      </c>
      <c r="E38" s="678"/>
      <c r="F38" s="677">
        <v>149608732.34</v>
      </c>
      <c r="G38" s="808"/>
    </row>
    <row r="39" spans="1:7" ht="10.5" x14ac:dyDescent="0.2">
      <c r="A39" s="168" t="s">
        <v>577</v>
      </c>
      <c r="B39" s="673">
        <v>564137.87</v>
      </c>
      <c r="C39" s="674"/>
      <c r="D39" s="673">
        <v>132241187.25</v>
      </c>
      <c r="E39" s="674"/>
      <c r="F39" s="673">
        <v>71759039.569999993</v>
      </c>
      <c r="G39" s="809"/>
    </row>
    <row r="40" spans="1:7" ht="10.5" x14ac:dyDescent="0.2">
      <c r="A40" s="168" t="s">
        <v>578</v>
      </c>
      <c r="B40" s="673">
        <v>44034697.350000001</v>
      </c>
      <c r="C40" s="674"/>
      <c r="D40" s="673">
        <v>78412801.650000006</v>
      </c>
      <c r="E40" s="674"/>
      <c r="F40" s="673">
        <v>89645517.549999997</v>
      </c>
      <c r="G40" s="809"/>
    </row>
    <row r="41" spans="1:7" ht="10.5" x14ac:dyDescent="0.2">
      <c r="A41" s="168" t="s">
        <v>560</v>
      </c>
      <c r="B41" s="673">
        <v>0</v>
      </c>
      <c r="C41" s="674"/>
      <c r="D41" s="673">
        <v>0</v>
      </c>
      <c r="E41" s="674"/>
      <c r="F41" s="673">
        <v>0</v>
      </c>
      <c r="G41" s="809"/>
    </row>
    <row r="42" spans="1:7" ht="10.5" x14ac:dyDescent="0.2">
      <c r="A42" s="168" t="s">
        <v>579</v>
      </c>
      <c r="B42" s="673">
        <v>11795824.779999999</v>
      </c>
      <c r="C42" s="674"/>
      <c r="D42" s="673">
        <v>11795824.779999999</v>
      </c>
      <c r="E42" s="674"/>
      <c r="F42" s="673">
        <v>11795824.779999999</v>
      </c>
      <c r="G42" s="809"/>
    </row>
    <row r="43" spans="1:7" s="68" customFormat="1" ht="12.75" customHeight="1" x14ac:dyDescent="0.2">
      <c r="A43" s="68" t="s">
        <v>580</v>
      </c>
      <c r="B43" s="677">
        <v>11795824.780000001</v>
      </c>
      <c r="C43" s="678"/>
      <c r="D43" s="677">
        <v>-154259328.90000001</v>
      </c>
      <c r="E43" s="678"/>
      <c r="F43" s="677">
        <v>-105009897.12</v>
      </c>
      <c r="G43" s="808"/>
    </row>
    <row r="44" spans="1:7" s="68" customFormat="1" ht="13.5" customHeight="1" x14ac:dyDescent="0.2">
      <c r="A44" s="68" t="s">
        <v>581</v>
      </c>
      <c r="B44" s="677"/>
      <c r="C44" s="678"/>
      <c r="D44" s="677"/>
      <c r="E44" s="678"/>
      <c r="F44" s="677"/>
      <c r="G44" s="808"/>
    </row>
    <row r="45" spans="1:7" s="68" customFormat="1" ht="15" customHeight="1" x14ac:dyDescent="0.2">
      <c r="A45" s="113" t="s">
        <v>582</v>
      </c>
      <c r="B45" s="802">
        <v>11795824.780000001</v>
      </c>
      <c r="C45" s="803"/>
      <c r="D45" s="802">
        <v>-154259328.90000001</v>
      </c>
      <c r="E45" s="803"/>
      <c r="F45" s="802">
        <v>-105009897.12</v>
      </c>
      <c r="G45" s="804"/>
    </row>
    <row r="46" spans="1:7" ht="12.75" customHeight="1" x14ac:dyDescent="0.2">
      <c r="A46" s="46" t="s">
        <v>862</v>
      </c>
      <c r="B46" s="76"/>
      <c r="C46" s="76"/>
      <c r="D46" s="76"/>
      <c r="E46" s="76"/>
      <c r="F46" s="76"/>
      <c r="G46" s="305"/>
    </row>
    <row r="47" spans="1:7" ht="11.25" customHeight="1" x14ac:dyDescent="0.2">
      <c r="A47" s="175"/>
    </row>
    <row r="48" spans="1:7" ht="11.25" customHeight="1" x14ac:dyDescent="0.2">
      <c r="D48" s="273"/>
      <c r="E48" s="273"/>
      <c r="F48" s="273"/>
      <c r="G48" s="273"/>
    </row>
    <row r="49" spans="1:7" ht="14.25" customHeight="1" x14ac:dyDescent="0.2">
      <c r="D49" s="273"/>
      <c r="E49" s="273"/>
      <c r="F49" s="273"/>
      <c r="G49" s="273"/>
    </row>
    <row r="50" spans="1:7" ht="11.25" customHeight="1" x14ac:dyDescent="0.2">
      <c r="A50" s="273"/>
      <c r="B50" s="273"/>
      <c r="C50" s="273"/>
      <c r="D50" s="273"/>
      <c r="E50" s="273"/>
      <c r="F50" s="273"/>
      <c r="G50" s="273"/>
    </row>
    <row r="51" spans="1:7" ht="11.25" customHeight="1" x14ac:dyDescent="0.2">
      <c r="D51" s="273"/>
      <c r="E51" s="273"/>
      <c r="F51" s="273"/>
      <c r="G51" s="273"/>
    </row>
    <row r="52" spans="1:7" ht="11.25" customHeight="1" x14ac:dyDescent="0.2">
      <c r="D52" s="273"/>
      <c r="E52" s="273"/>
      <c r="F52" s="273"/>
      <c r="G52" s="273"/>
    </row>
    <row r="53" spans="1:7" ht="11.25" customHeight="1" x14ac:dyDescent="0.2">
      <c r="D53" s="273"/>
      <c r="E53" s="273"/>
      <c r="F53" s="273"/>
      <c r="G53" s="273"/>
    </row>
    <row r="54" spans="1:7" s="46" customFormat="1" ht="11.25" customHeight="1" x14ac:dyDescent="0.2"/>
    <row r="55" spans="1:7" s="46" customFormat="1" ht="11.25" customHeight="1" x14ac:dyDescent="0.2"/>
    <row r="56" spans="1:7" s="46" customFormat="1" ht="11.25" customHeight="1" x14ac:dyDescent="0.2"/>
    <row r="57" spans="1:7" s="46" customFormat="1" ht="11.25" customHeight="1" x14ac:dyDescent="0.2"/>
    <row r="58" spans="1:7" s="46" customFormat="1" ht="11.25" customHeight="1" x14ac:dyDescent="0.2"/>
    <row r="59" spans="1:7" s="46" customFormat="1" ht="11.25" customHeight="1" x14ac:dyDescent="0.2"/>
    <row r="60" spans="1:7" s="46" customFormat="1" ht="11.25" customHeight="1" x14ac:dyDescent="0.2"/>
  </sheetData>
  <customSheetViews>
    <customSheetView guid="{6DBFA32C-4AA4-4E1D-9A48-697377C64CC3}" showPageBreaks="1" showGridLines="0" fitToPage="1" printArea="1" topLeftCell="A34">
      <selection activeCell="A52" sqref="A52"/>
      <pageMargins left="0.19685039370078741" right="0.19685039370078741" top="0.59055118110236227" bottom="0.19685039370078741" header="0" footer="0"/>
      <printOptions horizontalCentered="1"/>
      <pageSetup paperSize="9" scale="67" orientation="portrait" r:id="rId1"/>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2"/>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3"/>
      <headerFooter alignWithMargins="0"/>
    </customSheetView>
    <customSheetView guid="{82EDB5A4-4824-4632-A540-7A52C92F04C7}" showPageBreaks="1" showGridLines="0" fitToPage="1">
      <selection activeCell="E26" sqref="E26:G26"/>
      <pageMargins left="0.19685039370078741" right="0.19685039370078741" top="0.59055118110236227" bottom="0.19685039370078741" header="0" footer="0"/>
      <printOptions horizontalCentered="1"/>
      <pageSetup paperSize="9" scale="43" orientation="portrait" r:id="rId4"/>
      <headerFooter alignWithMargins="0"/>
    </customSheetView>
    <customSheetView guid="{C779D862-DE28-46CD-A428-4AAA1056D1E1}" showPageBreaks="1" showGridLines="0" fitToPage="1" printArea="1">
      <selection activeCell="D86" sqref="D86:F86"/>
      <pageMargins left="0.19685039370078741" right="0.19685039370078741" top="0.59055118110236227" bottom="0.19685039370078741" header="0" footer="0"/>
      <printOptions horizontalCentered="1"/>
      <pageSetup paperSize="9" scale="66" orientation="portrait" r:id="rId5"/>
      <headerFooter alignWithMargins="0"/>
    </customSheetView>
    <customSheetView guid="{25EF1E0D-169B-4051-B414-7E1196FC05E4}" showPageBreaks="1" showGridLines="0" fitToPage="1" printArea="1" topLeftCell="A28">
      <selection activeCell="B26" sqref="B26:D26"/>
      <pageMargins left="0.19685039370078741" right="0.19685039370078741" top="0.59055118110236227" bottom="0.19685039370078741" header="0" footer="0"/>
      <printOptions horizontalCentered="1"/>
      <pageSetup paperSize="9" scale="66" orientation="portrait" r:id="rId6"/>
      <headerFooter alignWithMargins="0"/>
    </customSheetView>
    <customSheetView guid="{3AAF6A5F-F9AA-430B-9AD9-1261ECDF41B5}" showPageBreaks="1" showGridLines="0" fitToPage="1" topLeftCell="A10">
      <selection activeCell="F17" sqref="F17:G17"/>
      <pageMargins left="0.19685039370078741" right="0.19685039370078741" top="0.59055118110236227" bottom="0.19685039370078741" header="0" footer="0"/>
      <printOptions horizontalCentered="1"/>
      <pageSetup paperSize="9" scale="42" orientation="portrait" r:id="rId7"/>
      <headerFooter alignWithMargins="0"/>
    </customSheetView>
  </customSheetViews>
  <mergeCells count="88">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 ref="A3:G3"/>
    <mergeCell ref="A4:G4"/>
    <mergeCell ref="A5:G5"/>
    <mergeCell ref="A6:G6"/>
    <mergeCell ref="A7:G7"/>
    <mergeCell ref="F15:G15"/>
    <mergeCell ref="B16:C16"/>
    <mergeCell ref="D16:E16"/>
    <mergeCell ref="F16:G16"/>
    <mergeCell ref="B21:C21"/>
    <mergeCell ref="D21:E21"/>
    <mergeCell ref="F21:G21"/>
    <mergeCell ref="B33:C33"/>
    <mergeCell ref="D33:E33"/>
    <mergeCell ref="F33:G33"/>
    <mergeCell ref="B34:C34"/>
    <mergeCell ref="D34:E34"/>
    <mergeCell ref="F34:G34"/>
    <mergeCell ref="B35:C35"/>
    <mergeCell ref="D35:E35"/>
    <mergeCell ref="F35:G35"/>
    <mergeCell ref="B36:C36"/>
    <mergeCell ref="D36:E36"/>
    <mergeCell ref="F36:G36"/>
    <mergeCell ref="B37:C37"/>
    <mergeCell ref="D37:E37"/>
    <mergeCell ref="F37:G37"/>
    <mergeCell ref="B38:C38"/>
    <mergeCell ref="D38:E38"/>
    <mergeCell ref="F38:G38"/>
    <mergeCell ref="F41:G41"/>
    <mergeCell ref="B42:C42"/>
    <mergeCell ref="D42:E42"/>
    <mergeCell ref="F42:G42"/>
    <mergeCell ref="B39:C39"/>
    <mergeCell ref="D39:E39"/>
    <mergeCell ref="F39:G39"/>
    <mergeCell ref="B40:C40"/>
    <mergeCell ref="D40:E40"/>
    <mergeCell ref="F40:G40"/>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s>
  <printOptions horizontalCentered="1"/>
  <pageMargins left="0.19685039370078741" right="0.19685039370078741" top="0.59055118110236227" bottom="0.19685039370078741" header="0" footer="0"/>
  <pageSetup paperSize="9" scale="66" orientation="portrait" r:id="rId8"/>
  <headerFooter alignWithMargins="0"/>
  <drawing r:id="rId9"/>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tabColor rgb="FF92D050"/>
    <pageSetUpPr fitToPage="1"/>
  </sheetPr>
  <dimension ref="A1:L88"/>
  <sheetViews>
    <sheetView showGridLines="0" zoomScaleNormal="100" workbookViewId="0"/>
  </sheetViews>
  <sheetFormatPr defaultColWidth="9.140625" defaultRowHeight="11.25" customHeight="1" x14ac:dyDescent="0.2"/>
  <cols>
    <col min="1" max="1" width="59.28515625" style="16" customWidth="1"/>
    <col min="2" max="2" width="20.5703125" style="16" bestFit="1" customWidth="1"/>
    <col min="3" max="3" width="20.28515625" style="213" bestFit="1" customWidth="1"/>
    <col min="4" max="4" width="19.85546875" style="16" customWidth="1"/>
    <col min="5" max="5" width="20.140625" style="16" bestFit="1" customWidth="1"/>
    <col min="6" max="6" width="19.5703125" style="16" bestFit="1" customWidth="1"/>
    <col min="7" max="8" width="16.7109375" style="16" customWidth="1"/>
    <col min="9" max="9" width="9.140625" style="16"/>
    <col min="10" max="10" width="21.85546875" style="16" customWidth="1"/>
    <col min="11" max="16384" width="9.140625" style="16"/>
  </cols>
  <sheetData>
    <row r="1" spans="1:12" s="47" customFormat="1" ht="11.25" customHeight="1" x14ac:dyDescent="0.2">
      <c r="A1" s="300"/>
      <c r="B1" s="300"/>
      <c r="C1" s="300"/>
      <c r="D1" s="300"/>
      <c r="E1" s="300"/>
      <c r="F1" s="300"/>
      <c r="G1" s="300"/>
      <c r="H1" s="300"/>
    </row>
    <row r="2" spans="1:12" s="47" customFormat="1" ht="11.25" customHeight="1" x14ac:dyDescent="0.2">
      <c r="A2" s="23"/>
      <c r="B2" s="23"/>
      <c r="C2" s="111"/>
      <c r="D2" s="23"/>
      <c r="F2" s="399"/>
    </row>
    <row r="3" spans="1:12" s="203" customFormat="1" ht="11.25" customHeight="1" x14ac:dyDescent="0.2">
      <c r="A3" s="681" t="s">
        <v>641</v>
      </c>
      <c r="B3" s="681"/>
      <c r="C3" s="681"/>
      <c r="D3" s="681"/>
      <c r="E3" s="681"/>
      <c r="F3" s="681"/>
      <c r="G3" s="681"/>
      <c r="H3" s="681"/>
    </row>
    <row r="4" spans="1:12" s="203" customFormat="1" ht="11.25" customHeight="1" x14ac:dyDescent="0.2">
      <c r="A4" s="681" t="s">
        <v>105</v>
      </c>
      <c r="B4" s="681"/>
      <c r="C4" s="681"/>
      <c r="D4" s="681"/>
      <c r="E4" s="681"/>
      <c r="F4" s="681"/>
      <c r="G4" s="681"/>
      <c r="H4" s="681"/>
    </row>
    <row r="5" spans="1:12" s="203" customFormat="1" ht="11.25" customHeight="1" x14ac:dyDescent="0.2">
      <c r="A5" s="681" t="s">
        <v>583</v>
      </c>
      <c r="B5" s="681"/>
      <c r="C5" s="681"/>
      <c r="D5" s="681"/>
      <c r="E5" s="681"/>
      <c r="F5" s="681"/>
      <c r="G5" s="681"/>
      <c r="H5" s="681"/>
    </row>
    <row r="6" spans="1:12" s="203" customFormat="1" ht="11.25" customHeight="1" x14ac:dyDescent="0.2">
      <c r="A6" s="681" t="s">
        <v>107</v>
      </c>
      <c r="B6" s="681"/>
      <c r="C6" s="681"/>
      <c r="D6" s="681"/>
      <c r="E6" s="681"/>
      <c r="F6" s="681"/>
      <c r="G6" s="681"/>
      <c r="H6" s="681"/>
    </row>
    <row r="7" spans="1:12" s="203" customFormat="1" ht="11.25" customHeight="1" x14ac:dyDescent="0.2">
      <c r="A7" s="681" t="s">
        <v>879</v>
      </c>
      <c r="B7" s="681"/>
      <c r="C7" s="681"/>
      <c r="D7" s="681"/>
      <c r="E7" s="681"/>
      <c r="F7" s="681"/>
      <c r="G7" s="681"/>
      <c r="H7" s="681"/>
    </row>
    <row r="8" spans="1:12" s="47" customFormat="1" ht="11.25" customHeight="1" x14ac:dyDescent="0.2">
      <c r="A8" s="23"/>
      <c r="B8" s="309"/>
      <c r="C8" s="309"/>
      <c r="D8" s="23"/>
      <c r="E8" s="398"/>
    </row>
    <row r="9" spans="1:12" s="47" customFormat="1" ht="11.25" customHeight="1" x14ac:dyDescent="0.2">
      <c r="A9" s="137" t="s">
        <v>584</v>
      </c>
      <c r="B9" s="329"/>
      <c r="C9" s="328"/>
      <c r="D9" s="437"/>
      <c r="E9" s="437"/>
      <c r="H9" s="225">
        <v>1</v>
      </c>
    </row>
    <row r="10" spans="1:12" s="208" customFormat="1" ht="16.5" customHeight="1" x14ac:dyDescent="0.2">
      <c r="A10" s="702" t="s">
        <v>585</v>
      </c>
      <c r="B10" s="739" t="s">
        <v>235</v>
      </c>
      <c r="C10" s="741"/>
      <c r="D10" s="756" t="s">
        <v>109</v>
      </c>
      <c r="E10" s="758"/>
      <c r="F10" s="758"/>
      <c r="G10" s="758"/>
      <c r="H10" s="758"/>
    </row>
    <row r="11" spans="1:12" s="208" customFormat="1" ht="18" customHeight="1" x14ac:dyDescent="0.2">
      <c r="A11" s="703"/>
      <c r="B11" s="765"/>
      <c r="C11" s="744"/>
      <c r="D11" s="739" t="s">
        <v>115</v>
      </c>
      <c r="E11" s="740"/>
      <c r="F11" s="742" t="s">
        <v>115</v>
      </c>
      <c r="G11" s="742"/>
      <c r="H11" s="739"/>
    </row>
    <row r="12" spans="1:12" s="208" customFormat="1" ht="18" customHeight="1" x14ac:dyDescent="0.2">
      <c r="A12" s="704"/>
      <c r="B12" s="766"/>
      <c r="C12" s="745"/>
      <c r="D12" s="755">
        <v>2015</v>
      </c>
      <c r="E12" s="777"/>
      <c r="F12" s="743">
        <v>2014</v>
      </c>
      <c r="G12" s="743"/>
      <c r="H12" s="766"/>
    </row>
    <row r="13" spans="1:12" s="208" customFormat="1" ht="11.25" customHeight="1" x14ac:dyDescent="0.2">
      <c r="A13" s="64" t="s">
        <v>586</v>
      </c>
      <c r="B13" s="810">
        <v>12464864161.73</v>
      </c>
      <c r="C13" s="811"/>
      <c r="D13" s="810">
        <v>7701952020.250001</v>
      </c>
      <c r="E13" s="811"/>
      <c r="F13" s="679">
        <v>7432583126.5599995</v>
      </c>
      <c r="G13" s="709"/>
      <c r="H13" s="709"/>
      <c r="J13" s="398"/>
      <c r="K13" s="398"/>
      <c r="L13" s="398"/>
    </row>
    <row r="14" spans="1:12" ht="11.25" customHeight="1" x14ac:dyDescent="0.2">
      <c r="A14" s="58" t="s">
        <v>587</v>
      </c>
      <c r="B14" s="673">
        <v>7047013200</v>
      </c>
      <c r="C14" s="674"/>
      <c r="D14" s="673">
        <v>4748203492.5600004</v>
      </c>
      <c r="E14" s="674"/>
      <c r="F14" s="659">
        <v>4471405274.5099993</v>
      </c>
      <c r="G14" s="660"/>
      <c r="H14" s="660"/>
      <c r="J14" s="398"/>
      <c r="K14" s="398"/>
      <c r="L14" s="398"/>
    </row>
    <row r="15" spans="1:12" ht="11.25" customHeight="1" x14ac:dyDescent="0.2">
      <c r="A15" s="111" t="s">
        <v>419</v>
      </c>
      <c r="B15" s="673">
        <v>5724506000</v>
      </c>
      <c r="C15" s="674"/>
      <c r="D15" s="673">
        <v>3919991140.0699997</v>
      </c>
      <c r="E15" s="674"/>
      <c r="F15" s="659">
        <v>3723252890.1999998</v>
      </c>
      <c r="G15" s="660"/>
      <c r="H15" s="660"/>
      <c r="J15" s="398"/>
      <c r="K15" s="398"/>
      <c r="L15" s="398"/>
    </row>
    <row r="16" spans="1:12" ht="11.25" customHeight="1" x14ac:dyDescent="0.2">
      <c r="A16" s="111" t="s">
        <v>420</v>
      </c>
      <c r="B16" s="673">
        <v>295507000</v>
      </c>
      <c r="C16" s="674"/>
      <c r="D16" s="673">
        <v>270414077.95000005</v>
      </c>
      <c r="E16" s="674"/>
      <c r="F16" s="659">
        <v>256151403.72999999</v>
      </c>
      <c r="G16" s="660"/>
      <c r="H16" s="660"/>
      <c r="J16" s="398"/>
      <c r="K16" s="398"/>
      <c r="L16" s="398"/>
    </row>
    <row r="17" spans="1:12" ht="11.25" customHeight="1" x14ac:dyDescent="0.2">
      <c r="A17" s="111" t="s">
        <v>421</v>
      </c>
      <c r="B17" s="673">
        <v>84640000</v>
      </c>
      <c r="C17" s="674"/>
      <c r="D17" s="820">
        <v>48871724</v>
      </c>
      <c r="E17" s="674"/>
      <c r="F17" s="659">
        <v>46489159.520000003</v>
      </c>
      <c r="G17" s="660"/>
      <c r="H17" s="660"/>
      <c r="J17" s="398"/>
      <c r="K17" s="398"/>
      <c r="L17" s="398"/>
    </row>
    <row r="18" spans="1:12" ht="11.25" customHeight="1" x14ac:dyDescent="0.2">
      <c r="A18" s="111" t="s">
        <v>418</v>
      </c>
      <c r="B18" s="673">
        <v>510400000</v>
      </c>
      <c r="C18" s="674"/>
      <c r="D18" s="673">
        <v>334254216.24000001</v>
      </c>
      <c r="E18" s="674"/>
      <c r="F18" s="659">
        <v>285441712.74000001</v>
      </c>
      <c r="G18" s="660"/>
      <c r="H18" s="660"/>
      <c r="J18" s="398"/>
      <c r="K18" s="398"/>
      <c r="L18" s="398"/>
    </row>
    <row r="19" spans="1:12" ht="11.25" customHeight="1" x14ac:dyDescent="0.2">
      <c r="A19" s="112" t="s">
        <v>422</v>
      </c>
      <c r="B19" s="673">
        <v>431960200</v>
      </c>
      <c r="C19" s="674"/>
      <c r="D19" s="673">
        <v>174672334.30000114</v>
      </c>
      <c r="E19" s="674"/>
      <c r="F19" s="659">
        <v>160070108.31999999</v>
      </c>
      <c r="G19" s="660"/>
      <c r="H19" s="660"/>
      <c r="J19" s="399"/>
      <c r="K19" s="398"/>
      <c r="L19" s="398"/>
    </row>
    <row r="20" spans="1:12" ht="11.25" customHeight="1" x14ac:dyDescent="0.2">
      <c r="A20" s="58" t="s">
        <v>588</v>
      </c>
      <c r="B20" s="673">
        <v>1568492900</v>
      </c>
      <c r="C20" s="674"/>
      <c r="D20" s="673">
        <v>817868191.63000011</v>
      </c>
      <c r="E20" s="674"/>
      <c r="F20" s="659">
        <v>197072970.25</v>
      </c>
      <c r="G20" s="660"/>
      <c r="H20" s="660"/>
      <c r="J20" s="398"/>
      <c r="K20" s="398"/>
      <c r="L20" s="398"/>
    </row>
    <row r="21" spans="1:12" ht="11.25" customHeight="1" x14ac:dyDescent="0.2">
      <c r="A21" s="58" t="s">
        <v>589</v>
      </c>
      <c r="B21" s="673">
        <v>1568492900</v>
      </c>
      <c r="C21" s="674"/>
      <c r="D21" s="673">
        <v>817868191.63000011</v>
      </c>
      <c r="E21" s="674"/>
      <c r="F21" s="659">
        <v>196532571.11000001</v>
      </c>
      <c r="G21" s="660"/>
      <c r="H21" s="660"/>
      <c r="J21" s="398"/>
      <c r="K21" s="398"/>
      <c r="L21" s="398"/>
    </row>
    <row r="22" spans="1:12" ht="11.25" customHeight="1" x14ac:dyDescent="0.2">
      <c r="A22" s="58" t="s">
        <v>155</v>
      </c>
      <c r="B22" s="673">
        <v>0</v>
      </c>
      <c r="C22" s="674"/>
      <c r="D22" s="673">
        <v>0</v>
      </c>
      <c r="E22" s="674"/>
      <c r="F22" s="659">
        <v>540399.14</v>
      </c>
      <c r="G22" s="660"/>
      <c r="H22" s="660"/>
      <c r="J22" s="398"/>
      <c r="K22" s="398"/>
      <c r="L22" s="398"/>
    </row>
    <row r="23" spans="1:12" ht="11.25" customHeight="1" x14ac:dyDescent="0.2">
      <c r="A23" s="58" t="s">
        <v>590</v>
      </c>
      <c r="B23" s="673">
        <v>69196000.560000002</v>
      </c>
      <c r="C23" s="674"/>
      <c r="D23" s="673">
        <v>7505363.0600000024</v>
      </c>
      <c r="E23" s="674"/>
      <c r="F23" s="659">
        <v>21057540.960000008</v>
      </c>
      <c r="G23" s="660"/>
      <c r="H23" s="660"/>
      <c r="J23" s="398"/>
      <c r="K23" s="398"/>
      <c r="L23" s="398"/>
    </row>
    <row r="24" spans="1:12" ht="11.25" customHeight="1" x14ac:dyDescent="0.2">
      <c r="A24" s="58" t="s">
        <v>312</v>
      </c>
      <c r="B24" s="673">
        <v>136590400.56</v>
      </c>
      <c r="C24" s="674"/>
      <c r="D24" s="673">
        <v>69010116.950000003</v>
      </c>
      <c r="E24" s="674"/>
      <c r="F24" s="659">
        <v>91425372.780000001</v>
      </c>
      <c r="G24" s="660"/>
      <c r="H24" s="660"/>
      <c r="J24" s="398"/>
      <c r="K24" s="398"/>
      <c r="L24" s="398"/>
    </row>
    <row r="25" spans="1:12" ht="11.25" customHeight="1" x14ac:dyDescent="0.2">
      <c r="A25" s="58" t="s">
        <v>591</v>
      </c>
      <c r="B25" s="673">
        <v>67394400</v>
      </c>
      <c r="C25" s="674"/>
      <c r="D25" s="673">
        <v>61504753.890000001</v>
      </c>
      <c r="E25" s="674"/>
      <c r="F25" s="659">
        <v>70367831.819999993</v>
      </c>
      <c r="G25" s="660"/>
      <c r="H25" s="660"/>
      <c r="J25" s="398"/>
      <c r="K25" s="398"/>
      <c r="L25" s="398"/>
    </row>
    <row r="26" spans="1:12" ht="11.25" customHeight="1" x14ac:dyDescent="0.2">
      <c r="A26" s="58" t="s">
        <v>182</v>
      </c>
      <c r="B26" s="673">
        <v>2984392800</v>
      </c>
      <c r="C26" s="674"/>
      <c r="D26" s="673">
        <v>1556751737.54</v>
      </c>
      <c r="E26" s="674"/>
      <c r="F26" s="659">
        <v>1562794747.71</v>
      </c>
      <c r="G26" s="660"/>
      <c r="H26" s="660"/>
      <c r="J26" s="398"/>
      <c r="K26" s="398"/>
      <c r="L26" s="398"/>
    </row>
    <row r="27" spans="1:12" ht="11.25" customHeight="1" x14ac:dyDescent="0.2">
      <c r="A27" s="65" t="s">
        <v>808</v>
      </c>
      <c r="B27" s="673">
        <v>856400000</v>
      </c>
      <c r="C27" s="674"/>
      <c r="D27" s="673">
        <v>562355846.3599999</v>
      </c>
      <c r="E27" s="674"/>
      <c r="F27" s="659">
        <v>527865178.13999999</v>
      </c>
      <c r="G27" s="660"/>
      <c r="H27" s="660"/>
      <c r="J27" s="398"/>
      <c r="K27" s="398"/>
      <c r="L27" s="398"/>
    </row>
    <row r="28" spans="1:12" ht="11.25" customHeight="1" x14ac:dyDescent="0.2">
      <c r="A28" s="58" t="s">
        <v>592</v>
      </c>
      <c r="B28" s="673">
        <v>283978900</v>
      </c>
      <c r="C28" s="674"/>
      <c r="D28" s="673">
        <v>14139678.34</v>
      </c>
      <c r="E28" s="674"/>
      <c r="F28" s="659">
        <v>39674223.880000003</v>
      </c>
      <c r="G28" s="660"/>
      <c r="H28" s="660"/>
      <c r="J28" s="398"/>
      <c r="K28" s="398"/>
      <c r="L28" s="398"/>
    </row>
    <row r="29" spans="1:12" ht="11.25" customHeight="1" x14ac:dyDescent="0.2">
      <c r="A29" s="58" t="s">
        <v>593</v>
      </c>
      <c r="B29" s="673">
        <v>1844013900</v>
      </c>
      <c r="C29" s="674"/>
      <c r="D29" s="673">
        <v>980256212.83999991</v>
      </c>
      <c r="E29" s="674"/>
      <c r="F29" s="659">
        <v>995255345.69000006</v>
      </c>
      <c r="G29" s="660"/>
      <c r="H29" s="660"/>
      <c r="J29" s="398"/>
      <c r="K29" s="398"/>
      <c r="L29" s="398"/>
    </row>
    <row r="30" spans="1:12" ht="11.25" customHeight="1" x14ac:dyDescent="0.2">
      <c r="A30" s="58" t="s">
        <v>594</v>
      </c>
      <c r="B30" s="673">
        <v>795769261.16999996</v>
      </c>
      <c r="C30" s="674"/>
      <c r="D30" s="673">
        <v>571623235.45999992</v>
      </c>
      <c r="E30" s="674"/>
      <c r="F30" s="659">
        <v>1180252593.1299999</v>
      </c>
      <c r="G30" s="660"/>
      <c r="H30" s="660"/>
      <c r="J30" s="398"/>
      <c r="K30" s="398"/>
      <c r="L30" s="398"/>
    </row>
    <row r="31" spans="1:12" ht="11.25" customHeight="1" x14ac:dyDescent="0.2">
      <c r="A31" s="58" t="s">
        <v>595</v>
      </c>
      <c r="B31" s="673">
        <v>9180000</v>
      </c>
      <c r="C31" s="674"/>
      <c r="D31" s="673">
        <v>8368162.25</v>
      </c>
      <c r="E31" s="674"/>
      <c r="F31" s="659">
        <v>11255661.109999999</v>
      </c>
      <c r="G31" s="660"/>
      <c r="H31" s="660"/>
      <c r="J31" s="398"/>
      <c r="K31" s="398"/>
      <c r="L31" s="398"/>
    </row>
    <row r="32" spans="1:12" ht="11.25" customHeight="1" x14ac:dyDescent="0.2">
      <c r="A32" s="58" t="s">
        <v>596</v>
      </c>
      <c r="B32" s="673">
        <v>786589261.16999996</v>
      </c>
      <c r="C32" s="674"/>
      <c r="D32" s="673">
        <v>563255073.20999992</v>
      </c>
      <c r="E32" s="674"/>
      <c r="F32" s="659">
        <v>1168996932.02</v>
      </c>
      <c r="G32" s="660"/>
      <c r="H32" s="660"/>
      <c r="J32" s="398"/>
      <c r="K32" s="398"/>
      <c r="L32" s="398"/>
    </row>
    <row r="33" spans="1:12" s="208" customFormat="1" ht="11.25" customHeight="1" x14ac:dyDescent="0.2">
      <c r="A33" s="64" t="s">
        <v>597</v>
      </c>
      <c r="B33" s="677">
        <v>717056955.16999996</v>
      </c>
      <c r="C33" s="678"/>
      <c r="D33" s="677">
        <v>363520979.10000002</v>
      </c>
      <c r="E33" s="678"/>
      <c r="F33" s="665">
        <v>746735153.25999999</v>
      </c>
      <c r="G33" s="666"/>
      <c r="H33" s="666"/>
      <c r="J33" s="398"/>
      <c r="K33" s="398"/>
      <c r="L33" s="398"/>
    </row>
    <row r="34" spans="1:12" ht="11.25" customHeight="1" x14ac:dyDescent="0.2">
      <c r="A34" s="58" t="s">
        <v>598</v>
      </c>
      <c r="B34" s="673">
        <v>43326855.170000002</v>
      </c>
      <c r="C34" s="674"/>
      <c r="D34" s="673">
        <v>18973571.649999999</v>
      </c>
      <c r="E34" s="674"/>
      <c r="F34" s="659">
        <v>353367778.14999998</v>
      </c>
      <c r="G34" s="660"/>
      <c r="H34" s="660"/>
      <c r="J34" s="398"/>
      <c r="K34" s="398"/>
      <c r="L34" s="398"/>
    </row>
    <row r="35" spans="1:12" ht="11.25" customHeight="1" x14ac:dyDescent="0.2">
      <c r="A35" s="58" t="s">
        <v>599</v>
      </c>
      <c r="B35" s="673">
        <v>2054800</v>
      </c>
      <c r="C35" s="674"/>
      <c r="D35" s="673">
        <v>1607162</v>
      </c>
      <c r="E35" s="674"/>
      <c r="F35" s="659">
        <v>1449041.99</v>
      </c>
      <c r="G35" s="660"/>
      <c r="H35" s="660"/>
      <c r="J35" s="398"/>
      <c r="K35" s="398"/>
      <c r="L35" s="398"/>
    </row>
    <row r="36" spans="1:12" s="208" customFormat="1" ht="11.25" customHeight="1" x14ac:dyDescent="0.2">
      <c r="A36" s="58" t="s">
        <v>868</v>
      </c>
      <c r="B36" s="673">
        <v>7652000</v>
      </c>
      <c r="C36" s="674"/>
      <c r="D36" s="673">
        <v>664773.55000000005</v>
      </c>
      <c r="E36" s="674"/>
      <c r="F36" s="659">
        <v>5349509.6500000004</v>
      </c>
      <c r="G36" s="660"/>
      <c r="H36" s="660"/>
      <c r="J36" s="398"/>
      <c r="K36" s="398"/>
      <c r="L36" s="398"/>
    </row>
    <row r="37" spans="1:12" ht="11.25" customHeight="1" x14ac:dyDescent="0.2">
      <c r="A37" s="58" t="s">
        <v>600</v>
      </c>
      <c r="B37" s="673">
        <v>664023300</v>
      </c>
      <c r="C37" s="674"/>
      <c r="D37" s="673">
        <v>342275471.90000004</v>
      </c>
      <c r="E37" s="674"/>
      <c r="F37" s="659">
        <v>386568823.47000003</v>
      </c>
      <c r="G37" s="660"/>
      <c r="H37" s="660"/>
      <c r="J37" s="398"/>
      <c r="K37" s="398"/>
      <c r="L37" s="398"/>
    </row>
    <row r="38" spans="1:12" ht="11.25" customHeight="1" x14ac:dyDescent="0.2">
      <c r="A38" s="58" t="s">
        <v>592</v>
      </c>
      <c r="B38" s="673">
        <v>219840300</v>
      </c>
      <c r="C38" s="674"/>
      <c r="D38" s="673">
        <v>35783119.579999998</v>
      </c>
      <c r="E38" s="674"/>
      <c r="F38" s="659">
        <v>48791519.490000002</v>
      </c>
      <c r="G38" s="660"/>
      <c r="H38" s="660"/>
      <c r="J38" s="398"/>
      <c r="K38" s="398"/>
      <c r="L38" s="398"/>
    </row>
    <row r="39" spans="1:12" ht="11.25" customHeight="1" x14ac:dyDescent="0.2">
      <c r="A39" s="58" t="s">
        <v>601</v>
      </c>
      <c r="B39" s="673">
        <v>444183000</v>
      </c>
      <c r="C39" s="674"/>
      <c r="D39" s="673">
        <v>306492352.32000005</v>
      </c>
      <c r="E39" s="674"/>
      <c r="F39" s="659">
        <v>337777303.98000002</v>
      </c>
      <c r="G39" s="660"/>
      <c r="H39" s="660"/>
      <c r="J39" s="398"/>
      <c r="K39" s="398"/>
      <c r="L39" s="398"/>
    </row>
    <row r="40" spans="1:12" ht="11.25" customHeight="1" x14ac:dyDescent="0.2">
      <c r="A40" s="58" t="s">
        <v>203</v>
      </c>
      <c r="B40" s="673">
        <v>0</v>
      </c>
      <c r="C40" s="674"/>
      <c r="D40" s="673">
        <v>0</v>
      </c>
      <c r="E40" s="674"/>
      <c r="F40" s="659">
        <v>0</v>
      </c>
      <c r="G40" s="660"/>
      <c r="H40" s="660"/>
      <c r="J40" s="398"/>
      <c r="K40" s="398"/>
      <c r="L40" s="398"/>
    </row>
    <row r="41" spans="1:12" s="208" customFormat="1" ht="11.25" customHeight="1" x14ac:dyDescent="0.2">
      <c r="A41" s="64" t="s">
        <v>602</v>
      </c>
      <c r="B41" s="677">
        <v>664023300</v>
      </c>
      <c r="C41" s="678"/>
      <c r="D41" s="677">
        <v>342275471.90000004</v>
      </c>
      <c r="E41" s="678"/>
      <c r="F41" s="665">
        <v>386568823.47000003</v>
      </c>
      <c r="G41" s="666"/>
      <c r="H41" s="666"/>
      <c r="J41" s="398"/>
      <c r="K41" s="398"/>
      <c r="L41" s="398"/>
    </row>
    <row r="42" spans="1:12" s="208" customFormat="1" ht="15" customHeight="1" x14ac:dyDescent="0.2">
      <c r="A42" s="221" t="s">
        <v>603</v>
      </c>
      <c r="B42" s="802">
        <v>13128887461.73</v>
      </c>
      <c r="C42" s="803"/>
      <c r="D42" s="802">
        <v>8044227492.1500006</v>
      </c>
      <c r="E42" s="803"/>
      <c r="F42" s="669">
        <v>7819151950.0299997</v>
      </c>
      <c r="G42" s="708"/>
      <c r="H42" s="708"/>
      <c r="J42" s="468"/>
    </row>
    <row r="43" spans="1:12" ht="5.0999999999999996" customHeight="1" x14ac:dyDescent="0.2">
      <c r="A43" s="66"/>
      <c r="B43" s="425"/>
      <c r="C43" s="214"/>
      <c r="D43" s="214"/>
      <c r="J43" s="399"/>
    </row>
    <row r="44" spans="1:12" s="208" customFormat="1" ht="30.75" customHeight="1" x14ac:dyDescent="0.2">
      <c r="A44" s="702" t="s">
        <v>604</v>
      </c>
      <c r="B44" s="204" t="s">
        <v>157</v>
      </c>
      <c r="C44" s="756" t="s">
        <v>158</v>
      </c>
      <c r="D44" s="757"/>
      <c r="E44" s="756" t="s">
        <v>159</v>
      </c>
      <c r="F44" s="757"/>
      <c r="G44" s="754" t="s">
        <v>348</v>
      </c>
      <c r="H44" s="758"/>
      <c r="J44" s="469"/>
    </row>
    <row r="45" spans="1:12" s="208" customFormat="1" ht="11.25" customHeight="1" x14ac:dyDescent="0.2">
      <c r="A45" s="703"/>
      <c r="B45" s="668" t="s">
        <v>112</v>
      </c>
      <c r="C45" s="205" t="s">
        <v>115</v>
      </c>
      <c r="D45" s="205" t="s">
        <v>115</v>
      </c>
      <c r="E45" s="205" t="s">
        <v>115</v>
      </c>
      <c r="F45" s="205" t="s">
        <v>115</v>
      </c>
      <c r="G45" s="754" t="s">
        <v>745</v>
      </c>
      <c r="H45" s="754" t="s">
        <v>746</v>
      </c>
      <c r="J45" s="468"/>
    </row>
    <row r="46" spans="1:12" s="208" customFormat="1" ht="17.25" customHeight="1" x14ac:dyDescent="0.2">
      <c r="A46" s="704"/>
      <c r="B46" s="821"/>
      <c r="C46" s="210">
        <v>2015</v>
      </c>
      <c r="D46" s="212">
        <v>2014</v>
      </c>
      <c r="E46" s="210">
        <v>2015</v>
      </c>
      <c r="F46" s="212">
        <v>2014</v>
      </c>
      <c r="G46" s="755"/>
      <c r="H46" s="755"/>
      <c r="J46" s="468"/>
    </row>
    <row r="47" spans="1:12" s="208" customFormat="1" ht="11.25" customHeight="1" x14ac:dyDescent="0.2">
      <c r="A47" s="64" t="s">
        <v>605</v>
      </c>
      <c r="B47" s="324">
        <v>11924354045.119999</v>
      </c>
      <c r="C47" s="324">
        <v>9486664905.2299995</v>
      </c>
      <c r="D47" s="324">
        <v>7403639641.8299999</v>
      </c>
      <c r="E47" s="324">
        <v>7594604022.039999</v>
      </c>
      <c r="F47" s="545">
        <v>6617951478.7600002</v>
      </c>
      <c r="G47" s="475"/>
      <c r="H47" s="476"/>
    </row>
    <row r="48" spans="1:12" ht="11.25" customHeight="1" x14ac:dyDescent="0.2">
      <c r="A48" s="58" t="s">
        <v>206</v>
      </c>
      <c r="B48" s="470">
        <v>6616936044</v>
      </c>
      <c r="C48" s="470">
        <v>5260829376.3899994</v>
      </c>
      <c r="D48" s="477">
        <v>4126813263.6399999</v>
      </c>
      <c r="E48" s="470">
        <v>4524473654.8699999</v>
      </c>
      <c r="F48" s="549">
        <v>3759902824.9400001</v>
      </c>
      <c r="G48" s="478"/>
      <c r="H48" s="564"/>
    </row>
    <row r="49" spans="1:8" ht="11.25" customHeight="1" x14ac:dyDescent="0.2">
      <c r="A49" s="58" t="s">
        <v>606</v>
      </c>
      <c r="B49" s="470">
        <v>270028743</v>
      </c>
      <c r="C49" s="470">
        <v>263578680.90000001</v>
      </c>
      <c r="D49" s="477">
        <v>159789600</v>
      </c>
      <c r="E49" s="470">
        <v>161038150.19</v>
      </c>
      <c r="F49" s="549">
        <v>153203774.81999999</v>
      </c>
      <c r="G49" s="470"/>
      <c r="H49" s="564"/>
    </row>
    <row r="50" spans="1:8" ht="11.25" customHeight="1" x14ac:dyDescent="0.2">
      <c r="A50" s="58" t="s">
        <v>207</v>
      </c>
      <c r="B50" s="470">
        <v>5037389258.1199999</v>
      </c>
      <c r="C50" s="470">
        <v>3962256847.9400001</v>
      </c>
      <c r="D50" s="477">
        <v>3117036778.1900001</v>
      </c>
      <c r="E50" s="470">
        <v>2909092216.98</v>
      </c>
      <c r="F50" s="549">
        <v>2704844879</v>
      </c>
      <c r="G50" s="470"/>
      <c r="H50" s="564"/>
    </row>
    <row r="51" spans="1:8" ht="11.25" customHeight="1" x14ac:dyDescent="0.2">
      <c r="A51" s="114" t="s">
        <v>871</v>
      </c>
      <c r="B51" s="470">
        <v>2045618094.5699999</v>
      </c>
      <c r="C51" s="470">
        <v>1958993200</v>
      </c>
      <c r="D51" s="477">
        <v>1350554000</v>
      </c>
      <c r="E51" s="470">
        <v>1384511526.1300001</v>
      </c>
      <c r="F51" s="549">
        <v>1304685363.22</v>
      </c>
      <c r="G51" s="470"/>
      <c r="H51" s="564"/>
    </row>
    <row r="52" spans="1:8" ht="11.25" customHeight="1" x14ac:dyDescent="0.2">
      <c r="A52" s="114" t="s">
        <v>872</v>
      </c>
      <c r="B52" s="470">
        <v>2991771163.5500002</v>
      </c>
      <c r="C52" s="470">
        <v>2003263647.9400001</v>
      </c>
      <c r="D52" s="477">
        <v>1766482778.1900001</v>
      </c>
      <c r="E52" s="470">
        <v>1524580690.8499999</v>
      </c>
      <c r="F52" s="549">
        <v>1400159515.78</v>
      </c>
      <c r="G52" s="470"/>
      <c r="H52" s="564"/>
    </row>
    <row r="53" spans="1:8" s="208" customFormat="1" ht="11.25" customHeight="1" x14ac:dyDescent="0.2">
      <c r="A53" s="64" t="s">
        <v>607</v>
      </c>
      <c r="B53" s="324">
        <v>11654325302.119999</v>
      </c>
      <c r="C53" s="324">
        <v>9223086224.3299999</v>
      </c>
      <c r="D53" s="324">
        <v>7243850041.8299999</v>
      </c>
      <c r="E53" s="324">
        <v>7433565871.8499994</v>
      </c>
      <c r="F53" s="479">
        <v>6464747703.9400005</v>
      </c>
      <c r="G53" s="480"/>
      <c r="H53" s="566"/>
    </row>
    <row r="54" spans="1:8" s="208" customFormat="1" ht="11.25" customHeight="1" x14ac:dyDescent="0.2">
      <c r="A54" s="45" t="s">
        <v>608</v>
      </c>
      <c r="B54" s="324">
        <v>1867766580.8800001</v>
      </c>
      <c r="C54" s="324">
        <v>1324144170.47</v>
      </c>
      <c r="D54" s="324">
        <v>2299411138.2399998</v>
      </c>
      <c r="E54" s="324">
        <v>790590277.35000002</v>
      </c>
      <c r="F54" s="545">
        <v>1500236355.0599999</v>
      </c>
      <c r="G54" s="324"/>
      <c r="H54" s="566"/>
    </row>
    <row r="55" spans="1:8" ht="11.25" customHeight="1" x14ac:dyDescent="0.2">
      <c r="A55" s="58" t="s">
        <v>578</v>
      </c>
      <c r="B55" s="470">
        <v>1198935680.8800001</v>
      </c>
      <c r="C55" s="470">
        <v>660574964.25999999</v>
      </c>
      <c r="D55" s="549">
        <v>1644178541.7</v>
      </c>
      <c r="E55" s="470">
        <v>284382537.93000001</v>
      </c>
      <c r="F55" s="549">
        <v>851873917.01999998</v>
      </c>
      <c r="G55" s="470"/>
      <c r="H55" s="564"/>
    </row>
    <row r="56" spans="1:8" ht="11.25" customHeight="1" x14ac:dyDescent="0.2">
      <c r="A56" s="58" t="s">
        <v>241</v>
      </c>
      <c r="B56" s="470">
        <v>2746474</v>
      </c>
      <c r="C56" s="470">
        <v>467980.86</v>
      </c>
      <c r="D56" s="470">
        <v>41523696.539999999</v>
      </c>
      <c r="E56" s="470">
        <v>403376.49</v>
      </c>
      <c r="F56" s="549">
        <v>41392452.650000006</v>
      </c>
      <c r="G56" s="470"/>
      <c r="H56" s="564"/>
    </row>
    <row r="57" spans="1:8" ht="11.25" customHeight="1" x14ac:dyDescent="0.2">
      <c r="A57" s="58" t="s">
        <v>609</v>
      </c>
      <c r="B57" s="470">
        <v>0</v>
      </c>
      <c r="C57" s="470">
        <v>467850.1</v>
      </c>
      <c r="D57" s="549">
        <v>1523501.13</v>
      </c>
      <c r="E57" s="470">
        <v>403245.73</v>
      </c>
      <c r="F57" s="549">
        <v>1523501.13</v>
      </c>
      <c r="G57" s="470"/>
      <c r="H57" s="564"/>
    </row>
    <row r="58" spans="1:8" ht="11.25" customHeight="1" x14ac:dyDescent="0.2">
      <c r="A58" s="58" t="s">
        <v>610</v>
      </c>
      <c r="B58" s="470">
        <v>0</v>
      </c>
      <c r="C58" s="470">
        <v>0</v>
      </c>
      <c r="D58" s="549">
        <v>0</v>
      </c>
      <c r="E58" s="470">
        <v>0</v>
      </c>
      <c r="F58" s="549">
        <v>0</v>
      </c>
      <c r="G58" s="470"/>
      <c r="H58" s="564"/>
    </row>
    <row r="59" spans="1:8" ht="11.25" customHeight="1" x14ac:dyDescent="0.2">
      <c r="A59" s="58" t="s">
        <v>611</v>
      </c>
      <c r="B59" s="470">
        <v>2746474</v>
      </c>
      <c r="C59" s="470">
        <v>130.76000000000931</v>
      </c>
      <c r="D59" s="549">
        <v>40000195.409999996</v>
      </c>
      <c r="E59" s="470">
        <v>130.76000000000931</v>
      </c>
      <c r="F59" s="549">
        <v>39868951.520000003</v>
      </c>
      <c r="G59" s="470"/>
      <c r="H59" s="564"/>
    </row>
    <row r="60" spans="1:8" ht="11.25" customHeight="1" x14ac:dyDescent="0.2">
      <c r="A60" s="58" t="s">
        <v>612</v>
      </c>
      <c r="B60" s="470">
        <v>666084426</v>
      </c>
      <c r="C60" s="470">
        <v>663101225.35000002</v>
      </c>
      <c r="D60" s="549">
        <v>613708900</v>
      </c>
      <c r="E60" s="470">
        <v>505804362.93000001</v>
      </c>
      <c r="F60" s="549">
        <v>606969985.38999999</v>
      </c>
      <c r="G60" s="470"/>
      <c r="H60" s="564"/>
    </row>
    <row r="61" spans="1:8" s="208" customFormat="1" ht="11.25" customHeight="1" x14ac:dyDescent="0.2">
      <c r="A61" s="45" t="s">
        <v>613</v>
      </c>
      <c r="B61" s="324">
        <v>1201682154.8800001</v>
      </c>
      <c r="C61" s="324">
        <v>660575095.0200001</v>
      </c>
      <c r="D61" s="324">
        <v>1684178737.1099997</v>
      </c>
      <c r="E61" s="324">
        <v>284382668.69</v>
      </c>
      <c r="F61" s="545">
        <v>891742868.53999984</v>
      </c>
      <c r="G61" s="324"/>
      <c r="H61" s="566"/>
    </row>
    <row r="62" spans="1:8" s="208" customFormat="1" ht="11.25" customHeight="1" x14ac:dyDescent="0.2">
      <c r="A62" s="45" t="s">
        <v>614</v>
      </c>
      <c r="B62" s="324">
        <v>8199759</v>
      </c>
      <c r="C62" s="324">
        <v>0</v>
      </c>
      <c r="D62" s="545">
        <v>0</v>
      </c>
      <c r="E62" s="324">
        <v>0</v>
      </c>
      <c r="F62" s="545">
        <v>0</v>
      </c>
      <c r="G62" s="324"/>
      <c r="H62" s="566"/>
    </row>
    <row r="63" spans="1:8" s="208" customFormat="1" ht="11.25" customHeight="1" x14ac:dyDescent="0.2">
      <c r="A63" s="45" t="s">
        <v>615</v>
      </c>
      <c r="B63" s="324">
        <v>28960200</v>
      </c>
      <c r="C63" s="324">
        <v>0</v>
      </c>
      <c r="D63" s="545">
        <v>0</v>
      </c>
      <c r="E63" s="324">
        <v>0</v>
      </c>
      <c r="F63" s="545">
        <v>0</v>
      </c>
      <c r="G63" s="324"/>
      <c r="H63" s="481"/>
    </row>
    <row r="64" spans="1:8" s="208" customFormat="1" ht="15" customHeight="1" x14ac:dyDescent="0.2">
      <c r="A64" s="116" t="s">
        <v>616</v>
      </c>
      <c r="B64" s="341">
        <v>12893167416</v>
      </c>
      <c r="C64" s="341">
        <v>9883661319.3500004</v>
      </c>
      <c r="D64" s="341">
        <v>8928028778.9399986</v>
      </c>
      <c r="E64" s="341">
        <v>7717948540.539999</v>
      </c>
      <c r="F64" s="541">
        <v>7356490572.4800005</v>
      </c>
      <c r="G64" s="341">
        <v>0</v>
      </c>
      <c r="H64" s="343">
        <v>0</v>
      </c>
    </row>
    <row r="65" spans="1:8" ht="5.0999999999999996" customHeight="1" x14ac:dyDescent="0.2">
      <c r="A65" s="115"/>
      <c r="B65" s="482"/>
      <c r="C65" s="482"/>
      <c r="D65" s="482"/>
      <c r="E65" s="483"/>
      <c r="F65" s="564"/>
      <c r="G65" s="484"/>
      <c r="H65" s="564"/>
    </row>
    <row r="66" spans="1:8" s="208" customFormat="1" ht="15" customHeight="1" x14ac:dyDescent="0.2">
      <c r="A66" s="116" t="s">
        <v>617</v>
      </c>
      <c r="B66" s="544">
        <v>235720045.72999954</v>
      </c>
      <c r="C66" s="544"/>
      <c r="D66" s="341"/>
      <c r="E66" s="544">
        <v>326278951.61000156</v>
      </c>
      <c r="F66" s="544">
        <v>462661377.54999924</v>
      </c>
      <c r="G66" s="544">
        <v>0</v>
      </c>
      <c r="H66" s="229"/>
    </row>
    <row r="67" spans="1:8" ht="5.0999999999999996" customHeight="1" x14ac:dyDescent="0.2">
      <c r="A67" s="115"/>
      <c r="B67" s="482"/>
      <c r="C67" s="482"/>
      <c r="D67" s="482"/>
      <c r="E67" s="483"/>
      <c r="F67" s="564"/>
      <c r="G67" s="483"/>
      <c r="H67" s="564"/>
    </row>
    <row r="68" spans="1:8" s="208" customFormat="1" ht="15" customHeight="1" x14ac:dyDescent="0.2">
      <c r="A68" s="116" t="s">
        <v>618</v>
      </c>
      <c r="B68" s="562"/>
      <c r="C68" s="562"/>
      <c r="D68" s="562"/>
      <c r="E68" s="229"/>
      <c r="F68" s="229"/>
      <c r="G68" s="229"/>
      <c r="H68" s="229"/>
    </row>
    <row r="69" spans="1:8" ht="5.0999999999999996" customHeight="1" x14ac:dyDescent="0.2">
      <c r="A69" s="58"/>
      <c r="B69" s="214"/>
      <c r="C69" s="214"/>
      <c r="D69" s="214"/>
    </row>
    <row r="70" spans="1:8" s="226" customFormat="1" ht="11.25" customHeight="1" x14ac:dyDescent="0.2">
      <c r="A70" s="824" t="s">
        <v>569</v>
      </c>
      <c r="B70" s="824"/>
      <c r="C70" s="824"/>
      <c r="D70" s="825"/>
      <c r="E70" s="739" t="s">
        <v>570</v>
      </c>
      <c r="F70" s="740"/>
      <c r="G70" s="740"/>
      <c r="H70" s="740"/>
    </row>
    <row r="71" spans="1:8" s="226" customFormat="1" ht="11.25" customHeight="1" x14ac:dyDescent="0.2">
      <c r="A71" s="826"/>
      <c r="B71" s="826"/>
      <c r="C71" s="826"/>
      <c r="D71" s="827"/>
      <c r="E71" s="766"/>
      <c r="F71" s="767"/>
      <c r="G71" s="767"/>
      <c r="H71" s="767"/>
    </row>
    <row r="72" spans="1:8" ht="15" customHeight="1" x14ac:dyDescent="0.2">
      <c r="A72" s="828" t="s">
        <v>619</v>
      </c>
      <c r="B72" s="828"/>
      <c r="C72" s="828"/>
      <c r="D72" s="829"/>
      <c r="E72" s="822">
        <v>471749000</v>
      </c>
      <c r="F72" s="823"/>
      <c r="G72" s="823"/>
      <c r="H72" s="823"/>
    </row>
    <row r="73" spans="1:8" ht="11.25" customHeight="1" x14ac:dyDescent="0.2">
      <c r="A73" s="46" t="s">
        <v>862</v>
      </c>
      <c r="B73" s="152"/>
      <c r="C73" s="152"/>
      <c r="D73" s="152"/>
      <c r="E73" s="152"/>
      <c r="F73" s="152"/>
      <c r="G73" s="152"/>
      <c r="H73" s="302"/>
    </row>
    <row r="74" spans="1:8" s="213" customFormat="1" ht="11.25" customHeight="1" x14ac:dyDescent="0.2">
      <c r="B74" s="439"/>
      <c r="C74" s="439"/>
      <c r="D74" s="439"/>
      <c r="E74" s="439"/>
      <c r="F74" s="439"/>
    </row>
    <row r="75" spans="1:8" s="371" customFormat="1" ht="11.25" customHeight="1" x14ac:dyDescent="0.2">
      <c r="C75" s="438"/>
      <c r="D75" s="438"/>
      <c r="E75" s="438"/>
      <c r="F75" s="438"/>
    </row>
    <row r="82" s="46" customFormat="1" ht="11.25" customHeight="1" x14ac:dyDescent="0.2"/>
    <row r="83" s="46" customFormat="1" ht="11.25" customHeight="1" x14ac:dyDescent="0.2"/>
    <row r="84" s="46" customFormat="1" ht="11.25" customHeight="1" x14ac:dyDescent="0.2"/>
    <row r="85" s="46" customFormat="1" ht="11.25" customHeight="1" x14ac:dyDescent="0.2"/>
    <row r="86" s="46" customFormat="1" ht="11.25" customHeight="1" x14ac:dyDescent="0.2"/>
    <row r="87" s="46" customFormat="1" ht="11.25" customHeight="1" x14ac:dyDescent="0.2"/>
    <row r="88" s="46" customFormat="1" ht="11.25" customHeight="1" x14ac:dyDescent="0.2"/>
  </sheetData>
  <customSheetViews>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53" orientation="portrait" r:id="rId1"/>
      <headerFooter alignWithMargins="0"/>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2"/>
      <headerFooter alignWithMargins="0">
        <oddFooter>&amp;A</oddFooter>
      </headerFooter>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3"/>
      <headerFooter alignWithMargins="0">
        <oddFooter>&amp;A</oddFooter>
      </headerFooter>
    </customSheetView>
    <customSheetView guid="{82EDB5A4-4824-4632-A540-7A52C92F04C7}" scale="80" showPageBreaks="1" showGridLines="0" fitToPage="1">
      <selection activeCell="J12" sqref="J12"/>
      <pageMargins left="0.19685039370078741" right="0.19685039370078741" top="0.59055118110236227" bottom="0.19685039370078741" header="0" footer="0"/>
      <printOptions horizontalCentered="1"/>
      <pageSetup paperSize="9" scale="43" orientation="portrait" r:id="rId4"/>
      <headerFooter alignWithMargins="0"/>
    </customSheetView>
    <customSheetView guid="{C779D862-DE28-46CD-A428-4AAA1056D1E1}" scale="90" showPageBreaks="1" showGridLines="0" fitToPage="1" printArea="1" topLeftCell="A43">
      <selection activeCell="C57" sqref="C57"/>
      <pageMargins left="0.19685039370078741" right="0.19685039370078741" top="0.59055118110236227" bottom="0.19685039370078741" header="0" footer="0"/>
      <printOptions horizontalCentered="1"/>
      <pageSetup paperSize="9" scale="52" orientation="portrait" r:id="rId5"/>
      <headerFooter alignWithMargins="0"/>
    </customSheetView>
    <customSheetView guid="{25EF1E0D-169B-4051-B414-7E1196FC05E4}" showPageBreaks="1" showGridLines="0" fitToPage="1" printArea="1">
      <selection activeCell="C57" sqref="C57"/>
      <pageMargins left="0.19685039370078741" right="0.19685039370078741" top="0.59055118110236227" bottom="0.19685039370078741" header="0" footer="0"/>
      <printOptions horizontalCentered="1"/>
      <pageSetup paperSize="9" scale="52" orientation="portrait" r:id="rId6"/>
      <headerFooter alignWithMargins="0"/>
    </customSheetView>
    <customSheetView guid="{3AAF6A5F-F9AA-430B-9AD9-1261ECDF41B5}" scale="80" showPageBreaks="1" showGridLines="0" fitToPage="1">
      <selection activeCell="J12" sqref="J12"/>
      <pageMargins left="0.19685039370078741" right="0.19685039370078741" top="0.59055118110236227" bottom="0.19685039370078741" header="0" footer="0"/>
      <printOptions horizontalCentered="1"/>
      <pageSetup paperSize="9" scale="43" orientation="portrait" r:id="rId7"/>
      <headerFooter alignWithMargins="0"/>
    </customSheetView>
  </customSheetViews>
  <mergeCells count="113">
    <mergeCell ref="E72:H72"/>
    <mergeCell ref="A70:D71"/>
    <mergeCell ref="E70:H71"/>
    <mergeCell ref="G44:H44"/>
    <mergeCell ref="C44:D44"/>
    <mergeCell ref="A72:D72"/>
    <mergeCell ref="A10:A12"/>
    <mergeCell ref="A7:H7"/>
    <mergeCell ref="A5:H5"/>
    <mergeCell ref="A6:H6"/>
    <mergeCell ref="F15:H15"/>
    <mergeCell ref="B16:C16"/>
    <mergeCell ref="D16:E16"/>
    <mergeCell ref="F16:H16"/>
    <mergeCell ref="B17:C17"/>
    <mergeCell ref="G45:G46"/>
    <mergeCell ref="H45:H46"/>
    <mergeCell ref="B21:C21"/>
    <mergeCell ref="D21:E21"/>
    <mergeCell ref="F21:H21"/>
    <mergeCell ref="B22:C22"/>
    <mergeCell ref="D22:E22"/>
    <mergeCell ref="F22:H22"/>
    <mergeCell ref="F19:H19"/>
    <mergeCell ref="A4:H4"/>
    <mergeCell ref="A3:H3"/>
    <mergeCell ref="E44:F44"/>
    <mergeCell ref="D11:E11"/>
    <mergeCell ref="D12:E12"/>
    <mergeCell ref="F11:H11"/>
    <mergeCell ref="F12:H12"/>
    <mergeCell ref="B10:C12"/>
    <mergeCell ref="D10:H10"/>
    <mergeCell ref="D17:E17"/>
    <mergeCell ref="F17:H17"/>
    <mergeCell ref="B18:C18"/>
    <mergeCell ref="D18:E18"/>
    <mergeCell ref="F18:H18"/>
    <mergeCell ref="A44:A46"/>
    <mergeCell ref="B45:B46"/>
    <mergeCell ref="B13:C13"/>
    <mergeCell ref="D13:E13"/>
    <mergeCell ref="F13:H13"/>
    <mergeCell ref="B14:C14"/>
    <mergeCell ref="D14:E14"/>
    <mergeCell ref="F14:H14"/>
    <mergeCell ref="B15:C15"/>
    <mergeCell ref="D15:E15"/>
    <mergeCell ref="B20:C20"/>
    <mergeCell ref="D20:E20"/>
    <mergeCell ref="F20:H20"/>
    <mergeCell ref="B25:C25"/>
    <mergeCell ref="D25:E25"/>
    <mergeCell ref="F25:H25"/>
    <mergeCell ref="B19:C19"/>
    <mergeCell ref="D19:E19"/>
    <mergeCell ref="B26:C26"/>
    <mergeCell ref="D26:E26"/>
    <mergeCell ref="F26:H26"/>
    <mergeCell ref="B23:C23"/>
    <mergeCell ref="D23:E23"/>
    <mergeCell ref="F23:H23"/>
    <mergeCell ref="B24:C24"/>
    <mergeCell ref="D24:E24"/>
    <mergeCell ref="F24:H24"/>
    <mergeCell ref="B29:C29"/>
    <mergeCell ref="D29:E29"/>
    <mergeCell ref="F29:H29"/>
    <mergeCell ref="B30:C30"/>
    <mergeCell ref="D30:E30"/>
    <mergeCell ref="F30:H30"/>
    <mergeCell ref="B27:C27"/>
    <mergeCell ref="D27:E27"/>
    <mergeCell ref="F27:H27"/>
    <mergeCell ref="B28:C28"/>
    <mergeCell ref="D28:E28"/>
    <mergeCell ref="F28:H28"/>
    <mergeCell ref="B33:C33"/>
    <mergeCell ref="D33:E33"/>
    <mergeCell ref="F33:H33"/>
    <mergeCell ref="B34:C34"/>
    <mergeCell ref="D34:E34"/>
    <mergeCell ref="F34:H34"/>
    <mergeCell ref="B31:C31"/>
    <mergeCell ref="D31:E31"/>
    <mergeCell ref="F31:H31"/>
    <mergeCell ref="B32:C32"/>
    <mergeCell ref="D32:E32"/>
    <mergeCell ref="F32:H32"/>
    <mergeCell ref="B37:C37"/>
    <mergeCell ref="D37:E37"/>
    <mergeCell ref="F37:H37"/>
    <mergeCell ref="B38:C38"/>
    <mergeCell ref="D38:E38"/>
    <mergeCell ref="F38:H38"/>
    <mergeCell ref="B35:C35"/>
    <mergeCell ref="D35:E35"/>
    <mergeCell ref="F35:H35"/>
    <mergeCell ref="B36:C36"/>
    <mergeCell ref="D36:E36"/>
    <mergeCell ref="F36:H36"/>
    <mergeCell ref="B41:C41"/>
    <mergeCell ref="D41:E41"/>
    <mergeCell ref="F41:H41"/>
    <mergeCell ref="B42:C42"/>
    <mergeCell ref="D42:E42"/>
    <mergeCell ref="F42:H42"/>
    <mergeCell ref="B39:C39"/>
    <mergeCell ref="D39:E39"/>
    <mergeCell ref="F39:H39"/>
    <mergeCell ref="B40:C40"/>
    <mergeCell ref="D40:E40"/>
    <mergeCell ref="F40:H40"/>
  </mergeCells>
  <printOptions horizontalCentered="1"/>
  <pageMargins left="0.19685039370078741" right="0.19685039370078741" top="0.59055118110236227" bottom="0.19685039370078741" header="0" footer="0"/>
  <pageSetup paperSize="9" scale="52" orientation="portrait" r:id="rId8"/>
  <headerFooter alignWithMargins="0"/>
  <drawing r:id="rId9"/>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4</vt:i4>
      </vt:variant>
    </vt:vector>
  </HeadingPairs>
  <TitlesOfParts>
    <vt:vector size="28"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12 - Saúde (Estados)</vt:lpstr>
      <vt:lpstr>Anexo 13 - Despesas PPP</vt:lpstr>
      <vt:lpstr>Anexo 14 - Simplificado</vt:lpstr>
      <vt:lpstr>'Anexo 1 - Balanço Orçamentário'!Area_de_impressao</vt:lpstr>
      <vt:lpstr>'Anexo 1.1 Balanço Orç Intra '!Area_de_impressao</vt:lpstr>
      <vt:lpstr>'Anexo 12 - Saúde (Estados)'!Area_de_impressao</vt:lpstr>
      <vt:lpstr>'Anexo 13 - Despesas PPP'!Area_de_impressao</vt:lpstr>
      <vt:lpstr>'Anexo 14 - Simplificado'!Area_de_impressao</vt:lpstr>
      <vt:lpstr>'Anexo 2 - Função'!Area_de_impressao</vt:lpstr>
      <vt:lpstr>'Anexo 2.1 - Função - Intra'!Area_de_impressao</vt:lpstr>
      <vt:lpstr>'Anexo 3 - RCL Estados'!Area_de_impressao</vt:lpstr>
      <vt:lpstr>'Anexo 4 - RPPS Financeiro FR 40'!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6-02-15T14:42:17Z</cp:lastPrinted>
  <dcterms:created xsi:type="dcterms:W3CDTF">2004-08-09T19:29:24Z</dcterms:created>
  <dcterms:modified xsi:type="dcterms:W3CDTF">2016-03-31T15:48:15Z</dcterms:modified>
</cp:coreProperties>
</file>